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029"/>
  <workbookPr defaultThemeVersion="166925"/>
  <mc:AlternateContent xmlns:mc="http://schemas.openxmlformats.org/markup-compatibility/2006">
    <mc:Choice Requires="x15">
      <x15ac:absPath xmlns:x15ac="http://schemas.microsoft.com/office/spreadsheetml/2010/11/ac" url="C:\Users\s1958\Desktop\2023年度年間行事４種フットサル資料\2023選手権\"/>
    </mc:Choice>
  </mc:AlternateContent>
  <xr:revisionPtr revIDLastSave="0" documentId="13_ncr:1_{C4DB8DCB-4256-41DF-A101-D74FF1C245FF}" xr6:coauthVersionLast="47" xr6:coauthVersionMax="47" xr10:uidLastSave="{00000000-0000-0000-0000-000000000000}"/>
  <bookViews>
    <workbookView xWindow="1212" yWindow="0" windowWidth="21780" windowHeight="11928" tabRatio="939" activeTab="3" xr2:uid="{00000000-000D-0000-FFFF-FFFF00000000}"/>
  </bookViews>
  <sheets>
    <sheet name="P54 細則" sheetId="17" r:id="rId1"/>
    <sheet name="P55 細則２" sheetId="18" r:id="rId2"/>
    <sheet name="P59 選手権" sheetId="6" r:id="rId3"/>
    <sheet name="P60 選手権組合せ" sheetId="7" r:id="rId4"/>
  </sheets>
  <definedNames>
    <definedName name="_xlnm.Print_Area" localSheetId="0">'P54 細則'!$A$1:$P$50</definedName>
    <definedName name="_xlnm.Print_Area" localSheetId="1">'P55 細則２'!$A$1:$P$50</definedName>
    <definedName name="_xlnm.Print_Area" localSheetId="2">'P59 選手権'!$A$1:$O$44</definedName>
    <definedName name="_xlnm.Print_Area" localSheetId="3">'P60 選手権組合せ'!$A$1:$BJ$50</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16" i="7" l="1"/>
  <c r="W16" i="7"/>
  <c r="AC16" i="7"/>
  <c r="AK16" i="7"/>
  <c r="AY16" i="7"/>
  <c r="BE16" i="7"/>
  <c r="I17" i="7"/>
  <c r="W17" i="7"/>
  <c r="AC17" i="7"/>
  <c r="AK17" i="7"/>
  <c r="AY17" i="7"/>
  <c r="BE17" i="7"/>
  <c r="I18" i="7"/>
  <c r="W18" i="7"/>
  <c r="AC18" i="7"/>
  <c r="AK18" i="7"/>
  <c r="AY18" i="7"/>
  <c r="BE18" i="7"/>
  <c r="I19" i="7"/>
  <c r="W19" i="7"/>
  <c r="AC19" i="7"/>
  <c r="AK19" i="7"/>
  <c r="AY19" i="7"/>
  <c r="BE19" i="7"/>
  <c r="I20" i="7"/>
  <c r="W20" i="7"/>
  <c r="AC20" i="7"/>
  <c r="AK20" i="7"/>
  <c r="AY20" i="7"/>
  <c r="BE20" i="7"/>
  <c r="I21" i="7"/>
  <c r="W21" i="7"/>
  <c r="AC21" i="7"/>
  <c r="AK21" i="7"/>
  <c r="AY21" i="7"/>
  <c r="BE21" i="7"/>
  <c r="I22" i="7"/>
  <c r="W22" i="7"/>
  <c r="AC22" i="7"/>
  <c r="AK22" i="7"/>
  <c r="AY22" i="7"/>
  <c r="BE22" i="7"/>
  <c r="I23" i="7"/>
  <c r="W23" i="7"/>
  <c r="AC23" i="7"/>
  <c r="AK23" i="7"/>
  <c r="AY23" i="7"/>
  <c r="BE23" i="7"/>
  <c r="I24" i="7"/>
  <c r="W24" i="7"/>
  <c r="AC24" i="7"/>
  <c r="AK24" i="7"/>
  <c r="AY24" i="7"/>
  <c r="BE24" i="7"/>
  <c r="I25" i="7"/>
  <c r="W25" i="7"/>
  <c r="AC25" i="7"/>
  <c r="AK25" i="7"/>
  <c r="AY25" i="7"/>
  <c r="BE25" i="7"/>
  <c r="I26" i="7"/>
  <c r="W26" i="7"/>
  <c r="AC26" i="7"/>
  <c r="AK26" i="7"/>
  <c r="AY26" i="7"/>
  <c r="BE26" i="7"/>
  <c r="I27" i="7"/>
  <c r="W27" i="7"/>
  <c r="AC27" i="7"/>
  <c r="AK27" i="7"/>
  <c r="AY27" i="7"/>
  <c r="BE27" i="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A40" authorId="0" shapeId="0" xr:uid="{00000000-0006-0000-0500-000001000000}">
      <text>
        <r>
          <rPr>
            <b/>
            <sz val="9"/>
            <color indexed="81"/>
            <rFont val="ＭＳ Ｐゴシック"/>
            <family val="3"/>
            <charset val="128"/>
          </rPr>
          <t xml:space="preserve">作成者:
</t>
        </r>
      </text>
    </comment>
  </commentList>
</comments>
</file>

<file path=xl/sharedStrings.xml><?xml version="1.0" encoding="utf-8"?>
<sst xmlns="http://schemas.openxmlformats.org/spreadsheetml/2006/main" count="320" uniqueCount="235">
  <si>
    <t>★リーグ戦の試合決定方法</t>
  </si>
  <si>
    <t>★複数チーム（１登録チームから２つ以上のチームをエントリーすること）</t>
  </si>
  <si>
    <t>★チーム登録　</t>
  </si>
  <si>
    <t>★試合開始時刻に間に合わないチームは失格とする。　　</t>
  </si>
  <si>
    <t>★試合終了後は相手チームベンチへの挨拶に行かず、直接戻り速やかにベンチを空ける。</t>
    <phoneticPr fontId="1"/>
  </si>
  <si>
    <t>　②大会期間中に警告の累積が２回に及んだ選手は、自動的に大会の次の１試合に出場できない。</t>
  </si>
  <si>
    <t>　①大会を通じて退場を命じられた選手は、自動的に大会の次の１試合に出場できない。</t>
  </si>
  <si>
    <t>★懲罰</t>
  </si>
  <si>
    <t>★靴（アリーナで使用)</t>
  </si>
  <si>
    <t>★ユニホーム</t>
  </si>
  <si>
    <t>　③当該チーム内の総得点数</t>
  </si>
  <si>
    <t>　②当該チーム内の得失点差</t>
    <phoneticPr fontId="1"/>
  </si>
  <si>
    <t>但し、本大会は累積ファールを適応しない。</t>
    <phoneticPr fontId="8"/>
  </si>
  <si>
    <t>競技規則</t>
    <phoneticPr fontId="8"/>
  </si>
  <si>
    <t>参加料</t>
    <phoneticPr fontId="8"/>
  </si>
  <si>
    <t>試合球</t>
    <phoneticPr fontId="8"/>
  </si>
  <si>
    <t>３位決定戦は行わない。</t>
    <phoneticPr fontId="8"/>
  </si>
  <si>
    <t>③</t>
    <phoneticPr fontId="8"/>
  </si>
  <si>
    <t>②</t>
    <phoneticPr fontId="8"/>
  </si>
  <si>
    <t>①</t>
    <phoneticPr fontId="8"/>
  </si>
  <si>
    <t>チーム構成</t>
    <phoneticPr fontId="8"/>
  </si>
  <si>
    <t>⑥</t>
    <phoneticPr fontId="8"/>
  </si>
  <si>
    <t>⑤</t>
    <phoneticPr fontId="8"/>
  </si>
  <si>
    <t>④</t>
    <phoneticPr fontId="8"/>
  </si>
  <si>
    <t>本大会の趣旨に賛同できるチーム</t>
    <phoneticPr fontId="8"/>
  </si>
  <si>
    <t>参加資格</t>
    <phoneticPr fontId="8"/>
  </si>
  <si>
    <t>趣旨</t>
    <phoneticPr fontId="8"/>
  </si>
  <si>
    <t>大会規定に違反し、その他不都合な行為のあった時は、そのチームの出場を停止する。</t>
    <phoneticPr fontId="8"/>
  </si>
  <si>
    <t>その他</t>
    <phoneticPr fontId="8"/>
  </si>
  <si>
    <t>参加申込</t>
    <phoneticPr fontId="8"/>
  </si>
  <si>
    <t>で協議の上決定する。</t>
  </si>
  <si>
    <t>本大会要項および県大会試合細則に規定されていない事項については４種フットサル委員会</t>
    <phoneticPr fontId="9"/>
  </si>
  <si>
    <t>その他は、一般財団法人静岡県サッカー協会４種フットサル委員会県大会試合細則による。</t>
    <phoneticPr fontId="8"/>
  </si>
  <si>
    <t>行わない。</t>
    <phoneticPr fontId="8"/>
  </si>
  <si>
    <t>開会式</t>
    <phoneticPr fontId="8"/>
  </si>
  <si>
    <t>優勝・準優勝・第３位・第４位まで表彰。優勝・準優勝・３位へはトロフィー、表彰チームへは賞状</t>
    <rPh sb="27" eb="28">
      <t>イ</t>
    </rPh>
    <phoneticPr fontId="8"/>
  </si>
  <si>
    <t>表　　彰</t>
    <phoneticPr fontId="8"/>
  </si>
  <si>
    <t>登録票と参加同意書を支部ごとにまとめて申し込み(提出)を行う。</t>
  </si>
  <si>
    <t>各支部責任者は、支部予選（地域予選も含む)全試合の結果を、静岡県フットサル選手権大会</t>
    <phoneticPr fontId="8"/>
  </si>
  <si>
    <t>主催者が用意する公認フットサル用ボール３号球（モルテンフットサルボール）</t>
    <phoneticPr fontId="8"/>
  </si>
  <si>
    <t>本大会はランニングタイム方式で行いタイムアウトは設けない。</t>
    <phoneticPr fontId="8"/>
  </si>
  <si>
    <t>バル後、３分－３分の延長戦を行い、決しない場合はＰＫ（３名）とする。</t>
  </si>
  <si>
    <t>試合時間は、８分－１分－８分（インターバルの１分はベンチ交代程度）</t>
    <phoneticPr fontId="8"/>
  </si>
  <si>
    <t>各ブロックの１位・２位が決勝トーナメント方式で行う。</t>
    <phoneticPr fontId="8"/>
  </si>
  <si>
    <t>１６チームを４チーム、４ブロックに分けて１次リーグを行う。</t>
    <phoneticPr fontId="8"/>
  </si>
  <si>
    <t>競技方法</t>
    <phoneticPr fontId="8"/>
  </si>
  <si>
    <t>代表者１名　監督１名　指導者２名　選手１５名　合計１９名以内</t>
    <phoneticPr fontId="8"/>
  </si>
  <si>
    <t>各支部から推薦された１６チーム　不参加のあった場合は各支部で補充する。</t>
    <phoneticPr fontId="8"/>
  </si>
  <si>
    <t>参加チーム</t>
    <phoneticPr fontId="8"/>
  </si>
  <si>
    <t>協会公認コーチ資格（Ｄ級コーチ以上）を有すること。</t>
  </si>
  <si>
    <t>引率指導者は「参加チーム」を掌握指導する責任ある指導者であること。また、内１名以上が本</t>
    <phoneticPr fontId="8"/>
  </si>
  <si>
    <t>ことは出来ない。</t>
  </si>
  <si>
    <t>地区予選から県大会に至るまで同一選手が異なるチームへ移籍後、再び同一大会に参加する</t>
    <phoneticPr fontId="8"/>
  </si>
  <si>
    <t>選手はサッカー協会に登録してあり、スポーツ保険に加入していること。</t>
    <phoneticPr fontId="8"/>
  </si>
  <si>
    <t>一般財団法人静岡県サッカー協会４種委員会各支部主催の地区予選を経たチームであること。</t>
    <phoneticPr fontId="8"/>
  </si>
  <si>
    <t>一般財団法人静岡県サッカー協会に登録した４年生以上で構成されるチームであること。</t>
    <phoneticPr fontId="8"/>
  </si>
  <si>
    <t>会　　　場</t>
    <phoneticPr fontId="8"/>
  </si>
  <si>
    <t>期　　　日</t>
    <phoneticPr fontId="8"/>
  </si>
  <si>
    <t>一般財団法人静岡県サッカー協会フットサル委員会・静岡県４種フットサル委員会</t>
  </si>
  <si>
    <t>主　　　管</t>
  </si>
  <si>
    <t>一般財団法人静岡県サッカー協会</t>
  </si>
  <si>
    <t>主　　　催</t>
  </si>
  <si>
    <t>Ａ２位</t>
    <phoneticPr fontId="8"/>
  </si>
  <si>
    <t>Ｃ１位</t>
    <phoneticPr fontId="8"/>
  </si>
  <si>
    <t>Ｄ２位</t>
    <phoneticPr fontId="8"/>
  </si>
  <si>
    <t>Ｂ１位</t>
    <phoneticPr fontId="8"/>
  </si>
  <si>
    <t>Ｂ２位</t>
    <phoneticPr fontId="8"/>
  </si>
  <si>
    <t>Ｄ１位</t>
  </si>
  <si>
    <t>Ｃ２位</t>
    <rPh sb="2" eb="3">
      <t>イ</t>
    </rPh>
    <phoneticPr fontId="8"/>
  </si>
  <si>
    <t>Ａ１位</t>
    <rPh sb="2" eb="3">
      <t>イ</t>
    </rPh>
    <phoneticPr fontId="8"/>
  </si>
  <si>
    <t>第3位</t>
    <rPh sb="0" eb="1">
      <t>ダイ</t>
    </rPh>
    <rPh sb="2" eb="3">
      <t>イ</t>
    </rPh>
    <phoneticPr fontId="8"/>
  </si>
  <si>
    <t>準優勝</t>
    <rPh sb="0" eb="3">
      <t>ジュンユウショウ</t>
    </rPh>
    <phoneticPr fontId="8"/>
  </si>
  <si>
    <t>トーナメント表</t>
  </si>
  <si>
    <t>優勝</t>
    <rPh sb="0" eb="2">
      <t>ユウショウ</t>
    </rPh>
    <phoneticPr fontId="8"/>
  </si>
  <si>
    <t>本部</t>
    <rPh sb="0" eb="2">
      <t>ホンブ</t>
    </rPh>
    <phoneticPr fontId="8"/>
  </si>
  <si>
    <t>-</t>
  </si>
  <si>
    <t>決勝</t>
  </si>
  <si>
    <r>
      <t>Ｃ１位　　Ａ２位</t>
    </r>
    <r>
      <rPr>
        <sz val="9"/>
        <rFont val="Meiryo UI"/>
        <family val="3"/>
        <charset val="128"/>
      </rPr>
      <t>　　　　　　　　　勝</t>
    </r>
  </si>
  <si>
    <r>
      <t>Ｂ１位　　　　　　　　Ｄ２位</t>
    </r>
    <r>
      <rPr>
        <sz val="10"/>
        <rFont val="Meiryo UI"/>
        <family val="3"/>
        <charset val="128"/>
      </rPr>
      <t>　　　　　　　　　勝</t>
    </r>
    <phoneticPr fontId="8"/>
  </si>
  <si>
    <r>
      <t>Ｄ１位　　　　　　　　Ｂ２位</t>
    </r>
    <r>
      <rPr>
        <sz val="10"/>
        <rFont val="Meiryo UI"/>
        <family val="3"/>
        <charset val="128"/>
      </rPr>
      <t>　　　　　　　　　勝</t>
    </r>
  </si>
  <si>
    <r>
      <t>Ａ１位　　　Ｃ２位</t>
    </r>
    <r>
      <rPr>
        <sz val="9"/>
        <rFont val="Meiryo UI"/>
        <family val="3"/>
        <charset val="128"/>
      </rPr>
      <t>　　　　　　　　　勝</t>
    </r>
    <phoneticPr fontId="8"/>
  </si>
  <si>
    <t>準決勝</t>
  </si>
  <si>
    <t>Ｄ１位</t>
    <phoneticPr fontId="8"/>
  </si>
  <si>
    <t>Ａ１位</t>
    <phoneticPr fontId="8"/>
  </si>
  <si>
    <t>Ｄ２位</t>
  </si>
  <si>
    <t>Ｃ２位</t>
  </si>
  <si>
    <t>準々決勝</t>
  </si>
  <si>
    <t>決勝トーナメント</t>
  </si>
  <si>
    <t>D3</t>
  </si>
  <si>
    <t>D1</t>
  </si>
  <si>
    <t>B3</t>
  </si>
  <si>
    <t>B1</t>
  </si>
  <si>
    <t>D4</t>
  </si>
  <si>
    <t>D2</t>
  </si>
  <si>
    <t>B4</t>
  </si>
  <si>
    <t>B2</t>
  </si>
  <si>
    <t>C3</t>
  </si>
  <si>
    <t>C1</t>
  </si>
  <si>
    <t>A3</t>
  </si>
  <si>
    <t>A1</t>
  </si>
  <si>
    <t>C4</t>
  </si>
  <si>
    <t>C2</t>
  </si>
  <si>
    <t>A4</t>
  </si>
  <si>
    <t>A2</t>
  </si>
  <si>
    <t>予　　選　　リ　　ー　　グ</t>
  </si>
  <si>
    <t>得点係</t>
    <rPh sb="0" eb="2">
      <t>トクテン</t>
    </rPh>
    <rPh sb="2" eb="3">
      <t>カカリ</t>
    </rPh>
    <phoneticPr fontId="8"/>
  </si>
  <si>
    <t>対戦チーム</t>
    <rPh sb="0" eb="2">
      <t>タイセン</t>
    </rPh>
    <phoneticPr fontId="8"/>
  </si>
  <si>
    <t>時 間</t>
  </si>
  <si>
    <t>B コ ー ト</t>
    <phoneticPr fontId="8"/>
  </si>
  <si>
    <t>Ａ コ ー ト</t>
  </si>
  <si>
    <t>西部支部１</t>
    <phoneticPr fontId="8"/>
  </si>
  <si>
    <t>中西支部１</t>
  </si>
  <si>
    <t>中東支部１</t>
  </si>
  <si>
    <t>Ｄブロック</t>
    <phoneticPr fontId="8"/>
  </si>
  <si>
    <t>中部支部３</t>
    <phoneticPr fontId="8"/>
  </si>
  <si>
    <t>東部支部３</t>
  </si>
  <si>
    <t>Ｃブロック</t>
    <phoneticPr fontId="8"/>
  </si>
  <si>
    <t>西部支部３</t>
    <phoneticPr fontId="8"/>
  </si>
  <si>
    <t>中西支部３</t>
  </si>
  <si>
    <t>中部支部２</t>
  </si>
  <si>
    <t>東部支部２</t>
  </si>
  <si>
    <t>Ｂブロック</t>
    <phoneticPr fontId="8"/>
  </si>
  <si>
    <t>西部支部２</t>
    <phoneticPr fontId="8"/>
  </si>
  <si>
    <t>中西支部２</t>
  </si>
  <si>
    <t>中部支部１</t>
  </si>
  <si>
    <t>東部支部１</t>
  </si>
  <si>
    <t>Ａブロック</t>
    <phoneticPr fontId="8"/>
  </si>
  <si>
    <t>ブロック分け</t>
  </si>
  <si>
    <t>　⑥下記に基づくポイント合計がより少ないチーム</t>
    <phoneticPr fontId="1"/>
  </si>
  <si>
    <t>　⑤グループ内の総得点数</t>
    <rPh sb="6" eb="7">
      <t>ナイ</t>
    </rPh>
    <rPh sb="8" eb="11">
      <t>ソウトクテン</t>
    </rPh>
    <rPh sb="11" eb="12">
      <t>スウ</t>
    </rPh>
    <phoneticPr fontId="1"/>
  </si>
  <si>
    <t>　④グループ内の総得失点差</t>
    <rPh sb="6" eb="7">
      <t>ナイ</t>
    </rPh>
    <rPh sb="8" eb="9">
      <t>ソウ</t>
    </rPh>
    <rPh sb="9" eb="13">
      <t>トクシッテンサ</t>
    </rPh>
    <phoneticPr fontId="1"/>
  </si>
  <si>
    <t>　①当該チーム内の対戦成績</t>
    <phoneticPr fontId="1"/>
  </si>
  <si>
    <t>　 但し、勝点合計が同じ場合は、以下の順序により決定する。</t>
    <phoneticPr fontId="1"/>
  </si>
  <si>
    <t>　 順位は、グループ内の勝点合計の多いチームを上位とする。勝点は勝ち３、引き分け１、負け０とする。</t>
    <phoneticPr fontId="1"/>
  </si>
  <si>
    <t>　 入れ替えはできない。追加のみを認める。</t>
    <phoneticPr fontId="1"/>
  </si>
  <si>
    <t>　 同じ登録チームの他チームで予選へ参加（エントリー）した選手を県大会エントリーメンバーへ追加することができる。</t>
    <phoneticPr fontId="1"/>
  </si>
  <si>
    <t>　 県大会予選へ１登録チームから複数のチームが参加できる。いずれかのチームが県大会へ出場することになった場合、</t>
    <phoneticPr fontId="1"/>
  </si>
  <si>
    <t>　 １大会で選手は、単独チームの重複は出来ない。</t>
    <phoneticPr fontId="1"/>
  </si>
  <si>
    <t xml:space="preserve"> ・サッカーチームは本協会に「４種」または「女子」の種別で加盟登録した単独チームであること。</t>
    <phoneticPr fontId="1"/>
  </si>
  <si>
    <t>　 単独のチームであること。一つの加盟登録チームから複数のチームで参加できる。</t>
    <phoneticPr fontId="1"/>
  </si>
  <si>
    <t xml:space="preserve"> ・フットサルチームは公益財団法人日本サッカー協会(以下「本協会」とする）に「フットサル４種」の種別で加盟登録した</t>
    <phoneticPr fontId="1"/>
  </si>
  <si>
    <t>★各地域大会・各支部大会を通じて、選手は、他のチームで参加していないこと。所属するチームが複数のチームで参加</t>
    <phoneticPr fontId="1"/>
  </si>
  <si>
    <t>　 ゲーム中は選手が自由に判断し、様々なプレーにトライできるようなサポートを心がけること。</t>
    <phoneticPr fontId="1"/>
  </si>
  <si>
    <t>　 JFA登録を確認できない選手・監督・コーチは、大会エントリーをすることができない。</t>
    <phoneticPr fontId="1"/>
  </si>
  <si>
    <t>　 することでチェックを受けても良い。印刷されたライセンス証でチェックを受けた場合は、首からかけることを推奨する。</t>
    <phoneticPr fontId="1"/>
  </si>
  <si>
    <t>　 監督・コーチは、印刷されたライセンス証によりチェックを受けることが望ましいが、ライセンス証を電子媒体による画面表示</t>
    <phoneticPr fontId="1"/>
  </si>
  <si>
    <t>　 選手は、登録選手一覧を印刷したもの又は個別の選手証を印刷したものでチェックを受けなければならない。</t>
    <phoneticPr fontId="1"/>
  </si>
  <si>
    <t>★大会開催時に行われる監督者会議へは、出場チームの監督もしくは代表者が必ず出席する。</t>
    <rPh sb="13" eb="14">
      <t>シャ</t>
    </rPh>
    <rPh sb="19" eb="21">
      <t>シュツジョウ</t>
    </rPh>
    <rPh sb="25" eb="27">
      <t>カントク</t>
    </rPh>
    <rPh sb="31" eb="34">
      <t>ダイヒョウシャ</t>
    </rPh>
    <phoneticPr fontId="1"/>
  </si>
  <si>
    <t>★組み合わせ（ブロック分け）は４種フットサル委員会で決定し、割り当ては各支部で決定する。バーモントカップは除く。</t>
    <rPh sb="11" eb="12">
      <t>ワ</t>
    </rPh>
    <rPh sb="16" eb="17">
      <t>シュ</t>
    </rPh>
    <rPh sb="26" eb="28">
      <t>ケッテイ</t>
    </rPh>
    <rPh sb="30" eb="31">
      <t>ワ</t>
    </rPh>
    <rPh sb="32" eb="33">
      <t>ア</t>
    </rPh>
    <rPh sb="35" eb="36">
      <t>カク</t>
    </rPh>
    <rPh sb="36" eb="38">
      <t>シブ</t>
    </rPh>
    <rPh sb="53" eb="54">
      <t>ノゾ</t>
    </rPh>
    <phoneticPr fontId="1"/>
  </si>
  <si>
    <t>　 下すものとする。</t>
    <phoneticPr fontId="1"/>
  </si>
  <si>
    <t>★大会において（支部予選を含む）不正行為があった場合は、県４種フットサル委員会で懲罰内規に基づき裁定を</t>
    <rPh sb="40" eb="42">
      <t>チョウバツ</t>
    </rPh>
    <rPh sb="42" eb="44">
      <t>ナイキ</t>
    </rPh>
    <rPh sb="45" eb="46">
      <t>モト</t>
    </rPh>
    <rPh sb="48" eb="50">
      <t>サイテイ</t>
    </rPh>
    <phoneticPr fontId="1"/>
  </si>
  <si>
    <t>　 この限りではないが、ライセンスを有することを推奨する。</t>
    <phoneticPr fontId="1"/>
  </si>
  <si>
    <t>★エントリー表に登録された監督・コーチはD級以上のライセンスを有しなければならない。ただし、代表者・医療従事者は</t>
    <phoneticPr fontId="1"/>
  </si>
  <si>
    <t>　 エントリー時以降に登録手続きを始める選手は大会出場資格を持たない。</t>
    <phoneticPr fontId="1"/>
  </si>
  <si>
    <t>★エントリー表提出（大会エントリー）時に登録選手証が未着の選手については、エントリー表へ"登録申請中"と記入し、</t>
    <phoneticPr fontId="1"/>
  </si>
  <si>
    <t>　 に登録された選手は不可能。文字の間違い等も当日まで受け付ける。</t>
    <phoneticPr fontId="1"/>
  </si>
  <si>
    <t>★エントリー選手の変更は認めない。追加選手は大会当日まで受け付ける。但し、追加選手は同一の大会で他のチーム</t>
    <phoneticPr fontId="1"/>
  </si>
  <si>
    <t>★大会エントリー表に記載された選手・指導スタッフ(代表者/監督/コーチ)・医療従事者に大会出場の資格が与えられる。</t>
    <phoneticPr fontId="1"/>
  </si>
  <si>
    <t xml:space="preserve"> ・大会要項及び以上の細則を守らないチーム及び個人は大会に参加することはできない。</t>
    <phoneticPr fontId="1"/>
  </si>
  <si>
    <t xml:space="preserve"> ・施設等の使用については充分な注意を払うこと。</t>
    <phoneticPr fontId="1"/>
  </si>
  <si>
    <t>★その他</t>
    <rPh sb="3" eb="4">
      <t>タ</t>
    </rPh>
    <phoneticPr fontId="1"/>
  </si>
  <si>
    <t>　（スパイクシューズおよび靴底にいぼ状の突起物ある物は使用不可）</t>
    <phoneticPr fontId="1"/>
  </si>
  <si>
    <t>　 フットサルシューズとして着色されたフットサル専用シューズは使用可能とする。</t>
    <phoneticPr fontId="1"/>
  </si>
  <si>
    <t xml:space="preserve"> ・靴底は接地面が飴色、白色もしくは無色透明のフットサル用のシューズのみ使用可能とする。但し、シューズメーカーから</t>
    <phoneticPr fontId="1"/>
  </si>
  <si>
    <t>　⑭その他のユニホームに関する事項については協会のユニホーム規定に則る。</t>
    <phoneticPr fontId="1"/>
  </si>
  <si>
    <t>　　 出来る。ビブスの番号は登録番号と必ずしも合っていなくてもよい。</t>
    <phoneticPr fontId="1"/>
  </si>
  <si>
    <t>相手チームとの重複しないサブユニフォームまたはビブスを代用。また、ビブスの番号は登録番号と必ずしも合ってい</t>
    <phoneticPr fontId="1"/>
  </si>
  <si>
    <t>3.</t>
    <phoneticPr fontId="1"/>
  </si>
  <si>
    <t>他の選手と重複しない番号のゴールキーパーのユニフォームを着用する。</t>
    <phoneticPr fontId="1"/>
  </si>
  <si>
    <t>2.</t>
    <phoneticPr fontId="1"/>
  </si>
  <si>
    <t>フィールドプレーヤーと同じ番号のゴールキーパーのユニフォームを着用する。</t>
    <phoneticPr fontId="1"/>
  </si>
  <si>
    <t>1.</t>
    <phoneticPr fontId="1"/>
  </si>
  <si>
    <t>　　 とする。</t>
    <phoneticPr fontId="1"/>
  </si>
  <si>
    <t>　⑫試合途中・試合前に関わらずフィールドプレーヤーがゴールキーパーへポジションを変える場合のユニフォームは以下の通り</t>
    <phoneticPr fontId="1"/>
  </si>
  <si>
    <t>他の選手と重複しない番号のフィールドプレーヤーのユニフォーム着用する。</t>
    <phoneticPr fontId="1"/>
  </si>
  <si>
    <t>ゴールキーパーと同じ番号フィールドプレーヤーのユニフォームを着用する。</t>
    <phoneticPr fontId="1"/>
  </si>
  <si>
    <t>　⑪試合途中・試合前に関わらずゴールキーパーがフィールドプレーヤーへポジションを変える場合のユニフォームは以下の通り</t>
    <phoneticPr fontId="1"/>
  </si>
  <si>
    <t>　⑨ユニフォームのデザイン、ロゴ等が異なっていても、主たる色が同色であれば着用することができる</t>
    <phoneticPr fontId="1"/>
  </si>
  <si>
    <t>　⑧アンダーショーツおよびタイツの色は問わない。ただし原則としてチーム内で同色のものを着用する。</t>
    <phoneticPr fontId="1"/>
  </si>
  <si>
    <t>　⑦アンダーシャツの色は問わない。ただし原則としてチーム内で同色のものを着用する。</t>
    <phoneticPr fontId="1"/>
  </si>
  <si>
    <t>　⑥ソックスにテープまたはその他の材質のものを貼り付ける、または外部に着用する場合、ソックスと同色でなくても良い。</t>
    <phoneticPr fontId="1"/>
  </si>
  <si>
    <t>　　 会場等への広告掲出料等の経費は当該チームにて負担することとする。</t>
    <phoneticPr fontId="1"/>
  </si>
  <si>
    <t>　　 番号を付けること。</t>
    <phoneticPr fontId="1"/>
  </si>
  <si>
    <t>　④選手番号については1から99までの整数とし、0や00は認めない。必ず、大会の参加登録票に記載された選手固有の</t>
    <phoneticPr fontId="1"/>
  </si>
  <si>
    <t>　　 選手番号は服地明確に区別し得る色彩で、かつ判別が容易なサイズのものでなければならない。</t>
    <phoneticPr fontId="1"/>
  </si>
  <si>
    <t>　②チームのユニフォームのうち、シャツの色彩は審判員が通常着用する黒色と明確に判別しうるものであること。</t>
    <rPh sb="20" eb="22">
      <t>シキサイ</t>
    </rPh>
    <rPh sb="23" eb="26">
      <t>シンパンイン</t>
    </rPh>
    <rPh sb="27" eb="29">
      <t>ツウジョウ</t>
    </rPh>
    <rPh sb="29" eb="31">
      <t>チャクヨウ</t>
    </rPh>
    <rPh sb="33" eb="35">
      <t>クロイロ</t>
    </rPh>
    <rPh sb="36" eb="38">
      <t>メイカク</t>
    </rPh>
    <rPh sb="39" eb="41">
      <t>ハンベツ</t>
    </rPh>
    <phoneticPr fontId="1"/>
  </si>
  <si>
    <t>　　 を参加登録票に記載し、各試合には正副ともに必ず携行すること。</t>
    <rPh sb="4" eb="6">
      <t>サンカ</t>
    </rPh>
    <rPh sb="6" eb="8">
      <t>トウロク</t>
    </rPh>
    <rPh sb="8" eb="9">
      <t>ヒョウ</t>
    </rPh>
    <rPh sb="10" eb="12">
      <t>キサイ</t>
    </rPh>
    <rPh sb="14" eb="15">
      <t>カク</t>
    </rPh>
    <rPh sb="15" eb="17">
      <t>シアイ</t>
    </rPh>
    <rPh sb="19" eb="21">
      <t>セイフク</t>
    </rPh>
    <rPh sb="24" eb="25">
      <t>カナラ</t>
    </rPh>
    <rPh sb="26" eb="28">
      <t>ケイコウ</t>
    </rPh>
    <phoneticPr fontId="1"/>
  </si>
  <si>
    <t>　①フィールドプレーヤー、ゴールキーパーともに、色彩が異なり判別しやすい正副のユニフォーム（シャツ・ショーツ・ソックス）</t>
    <rPh sb="24" eb="26">
      <t>シキサイ</t>
    </rPh>
    <rPh sb="27" eb="28">
      <t>コト</t>
    </rPh>
    <rPh sb="30" eb="32">
      <t>ハンベツ</t>
    </rPh>
    <phoneticPr fontId="1"/>
  </si>
  <si>
    <t>４ポイント</t>
    <phoneticPr fontId="1"/>
  </si>
  <si>
    <t>　　（ウ）退場１回</t>
    <phoneticPr fontId="1"/>
  </si>
  <si>
    <t>　　（イ）警告２回による退場１回</t>
    <phoneticPr fontId="1"/>
  </si>
  <si>
    <t xml:space="preserve">　　（ア）警告１回 </t>
    <phoneticPr fontId="1"/>
  </si>
  <si>
    <t>決勝トーナメント戦１・２回戦で時間内で決しない場合はＰＫ戦（３名）、決勝のみ２分のインター</t>
    <phoneticPr fontId="8"/>
  </si>
  <si>
    <t>　 大会開催日にＷｅｂ登録で申請書または追加登録証を印字し写真を貼り付けて持参すること。</t>
    <phoneticPr fontId="1"/>
  </si>
  <si>
    <t>★ベンチに入る事ができるのは大会にエントリーされた者（選手・代表者・監督・コーチ・医療従事者）に限る。</t>
    <phoneticPr fontId="1"/>
  </si>
  <si>
    <t>★エントリーされた選手・監督・コーチは、次の方法によりJFA登録（顔写真必須）についてチェックを受けなければならない。</t>
    <phoneticPr fontId="1"/>
  </si>
  <si>
    <t>★ベンチに入る代表者・監督・コーチ・医療従事者は常識的な態度で行動をとらなければならない。</t>
    <phoneticPr fontId="1"/>
  </si>
  <si>
    <t>　 ライセンスを有しない代表者及び医療従事者は、試合中の指示は一切できない。</t>
    <phoneticPr fontId="1"/>
  </si>
  <si>
    <t>　する場合 、またはサッカーチームとフットサルチームの両方に所属し、両方のチームが参加する場合も含む。</t>
    <phoneticPr fontId="1"/>
  </si>
  <si>
    <t>　 一つの加盟登録チームから、複数のチームで参加できる。</t>
    <phoneticPr fontId="1"/>
  </si>
  <si>
    <t xml:space="preserve"> ・選手は本協会のフットサル4種・4種・女子の種別で加盟選手登録し、単独チームで登録が必要。</t>
    <phoneticPr fontId="1"/>
  </si>
  <si>
    <t>３ポイント</t>
    <phoneticPr fontId="1"/>
  </si>
  <si>
    <t>　　（エ）警告１回に続く退場１回</t>
    <phoneticPr fontId="1"/>
  </si>
  <si>
    <t>　⑦抽選</t>
    <phoneticPr fontId="1"/>
  </si>
  <si>
    <t>　③シャツの前面、背面に参加登録票に登録した選手番号を付けること。ショーツにも選手番号を付けることが望ましい。</t>
    <phoneticPr fontId="1"/>
  </si>
  <si>
    <t>　⑤ユニホームの広告については、協会の承認を受けている場合のみこれを認める。但し、ユニホーム 広告表示により生じる</t>
    <phoneticPr fontId="1"/>
  </si>
  <si>
    <t>　⑩ゴールキーパーのショーツ、ソックスはフィールドプレーヤーと同色でもよい。</t>
    <phoneticPr fontId="1"/>
  </si>
  <si>
    <t>3.</t>
    <phoneticPr fontId="1"/>
  </si>
  <si>
    <t>番号なしのフィールドプレーヤーのユニフォームを着用する。</t>
    <phoneticPr fontId="1"/>
  </si>
  <si>
    <t>なくてもよい。</t>
    <phoneticPr fontId="1"/>
  </si>
  <si>
    <t>　⑬同点によるPK戦においても、ゴールキーパーがフィールドプレーヤーへポジションを変える場合とフィールドプレーヤーがゴー</t>
    <phoneticPr fontId="1"/>
  </si>
  <si>
    <t>　　 ルキーパーへポジションを変える場合のユニフォームについてはユニフォームの上だけを交換するか、ビブスを代用することが</t>
    <phoneticPr fontId="1"/>
  </si>
  <si>
    <t>　③大会の懲罰に関する事項については、大会の大会規律委員会が決定する。委員長は本県協会フットサル委員会の</t>
    <phoneticPr fontId="1"/>
  </si>
  <si>
    <t>　　 委員長とする。</t>
    <phoneticPr fontId="1"/>
  </si>
  <si>
    <t xml:space="preserve"> ・主催者は疾病やその他の事故に際し、応急処置に限り対応する。疾病やその他事故への補償は、主催者に故意又は</t>
    <phoneticPr fontId="1"/>
  </si>
  <si>
    <t>　 重大な過失がある場合を除き、参加者が加入した傷害保険の範囲内とする。</t>
    <phoneticPr fontId="1"/>
  </si>
  <si>
    <t xml:space="preserve"> ・熱中症とインフルエンザなど、チームの指導者は選手の健康管理（体温管理）には充分に留意する。</t>
    <phoneticPr fontId="1"/>
  </si>
  <si>
    <t xml:space="preserve"> ・地震、風水害、降雪、事件、事故、疾病など、主催者の責によらない事由で大会が中止となる場合、参加料・手数料</t>
    <phoneticPr fontId="1"/>
  </si>
  <si>
    <t>　 については、中止を決定した時点で実際にかかった費用等を勘案して返金の有無・金額等を決定する。</t>
    <phoneticPr fontId="1"/>
  </si>
  <si>
    <t>　 指導スタッフは2名以上でなければならない。交代選手はピッチ内選手と異なる色彩のビブスを着用する。(ジャージ等可)</t>
    <rPh sb="2" eb="4">
      <t>シドウ</t>
    </rPh>
    <rPh sb="10" eb="13">
      <t>メイイジョウ</t>
    </rPh>
    <phoneticPr fontId="1"/>
  </si>
  <si>
    <t>御殿場市体育館</t>
    <rPh sb="0" eb="3">
      <t>ゴテンバ</t>
    </rPh>
    <rPh sb="3" eb="4">
      <t>シ</t>
    </rPh>
    <rPh sb="4" eb="7">
      <t>タイイクカン</t>
    </rPh>
    <phoneticPr fontId="8"/>
  </si>
  <si>
    <t>会場：　御殿場市体育館</t>
    <rPh sb="4" eb="7">
      <t>ゴテンバ</t>
    </rPh>
    <rPh sb="7" eb="8">
      <t>シ</t>
    </rPh>
    <rPh sb="8" eb="11">
      <t>タイイクカン</t>
    </rPh>
    <phoneticPr fontId="8"/>
  </si>
  <si>
    <t>西部支部４</t>
    <phoneticPr fontId="8"/>
  </si>
  <si>
    <t>西部支部５</t>
    <phoneticPr fontId="8"/>
  </si>
  <si>
    <t>2022/23　 Futsal Law of the Game 「フットサル競技規則」に準ずる。</t>
    <phoneticPr fontId="8"/>
  </si>
  <si>
    <r>
      <t>東部(</t>
    </r>
    <r>
      <rPr>
        <u/>
        <sz val="11"/>
        <rFont val="Meiryo UI"/>
        <family val="3"/>
        <charset val="128"/>
      </rPr>
      <t>３</t>
    </r>
    <r>
      <rPr>
        <sz val="11"/>
        <rFont val="Meiryo UI"/>
        <family val="3"/>
        <charset val="128"/>
      </rPr>
      <t>)・中東部(</t>
    </r>
    <r>
      <rPr>
        <u/>
        <sz val="11"/>
        <rFont val="Meiryo UI"/>
        <family val="3"/>
        <charset val="128"/>
      </rPr>
      <t>１</t>
    </r>
    <r>
      <rPr>
        <sz val="11"/>
        <rFont val="Meiryo UI"/>
        <family val="3"/>
        <charset val="128"/>
      </rPr>
      <t>)・中部(</t>
    </r>
    <r>
      <rPr>
        <u/>
        <sz val="11"/>
        <rFont val="Meiryo UI"/>
        <family val="3"/>
        <charset val="128"/>
      </rPr>
      <t>３</t>
    </r>
    <r>
      <rPr>
        <sz val="11"/>
        <rFont val="Meiryo UI"/>
        <family val="3"/>
        <charset val="128"/>
      </rPr>
      <t>)・中西部(</t>
    </r>
    <r>
      <rPr>
        <u/>
        <sz val="11"/>
        <rFont val="Meiryo UI"/>
        <family val="3"/>
        <charset val="128"/>
      </rPr>
      <t>４</t>
    </r>
    <r>
      <rPr>
        <sz val="11"/>
        <rFont val="Meiryo UI"/>
        <family val="3"/>
        <charset val="128"/>
      </rPr>
      <t>)・西部(</t>
    </r>
    <r>
      <rPr>
        <u/>
        <sz val="11"/>
        <rFont val="Meiryo UI"/>
        <family val="3"/>
        <charset val="128"/>
      </rPr>
      <t>５</t>
    </r>
    <r>
      <rPr>
        <sz val="11"/>
        <rFont val="Meiryo UI"/>
        <family val="3"/>
        <charset val="128"/>
      </rPr>
      <t>)</t>
    </r>
    <phoneticPr fontId="8"/>
  </si>
  <si>
    <t>を授与する。　</t>
    <phoneticPr fontId="1"/>
  </si>
  <si>
    <t>１チーム 5.000円（一財）静岡県サッカー協会四種フットサル委員会へチームごとに振り込む</t>
    <rPh sb="12" eb="14">
      <t>イチザイ</t>
    </rPh>
    <rPh sb="15" eb="18">
      <t>シズオカケン</t>
    </rPh>
    <rPh sb="22" eb="24">
      <t>キョウカイ</t>
    </rPh>
    <rPh sb="24" eb="26">
      <t>ヨンシュ</t>
    </rPh>
    <rPh sb="31" eb="34">
      <t>イインカイ</t>
    </rPh>
    <rPh sb="41" eb="42">
      <t>フ</t>
    </rPh>
    <rPh sb="43" eb="44">
      <t>コ</t>
    </rPh>
    <phoneticPr fontId="8"/>
  </si>
  <si>
    <t>２０２４年３月２日（土）</t>
    <rPh sb="10" eb="11">
      <t>ド</t>
    </rPh>
    <phoneticPr fontId="8"/>
  </si>
  <si>
    <t>中西支部４</t>
    <phoneticPr fontId="1"/>
  </si>
  <si>
    <t>日時：２０２４年３月２日（土）</t>
    <rPh sb="13" eb="14">
      <t>ド</t>
    </rPh>
    <phoneticPr fontId="8"/>
  </si>
  <si>
    <t xml:space="preserve"> 静岡県の将来をになう子供たちのフットサルへの興味･関心を深め、フットサルの技術・理解を向上させると同時に、フットサルを通じて身体を鍛え、リスペクトの精神を養い、クリエイティブでたくましい人間の育成を目指し、その研修の場として本大会を開催する。将来に向けて大きく成長するための準備として、この年代にふさわしいゲーム環境を提供することにより、育成年代で年代に応じた豊かな経験を積み重ねる中で自ら成長していくことの出来るようサポートする。子供たちや周囲の大人が、フットサルまたはサッカー、スポーツの素晴らしさに触れ、生涯にわたって楽しみ、関わっていけるよう、文化として醸成していくことを目指す。</t>
    <rPh sb="11" eb="13">
      <t>コドモ</t>
    </rPh>
    <rPh sb="217" eb="219">
      <t>コドモ</t>
    </rPh>
    <phoneticPr fontId="8"/>
  </si>
  <si>
    <t>一般財団法人静岡県サッカー協会４種フットサル委員会　県大会試合細則</t>
    <phoneticPr fontId="1"/>
  </si>
  <si>
    <t>第２１回　Ｕ－１２静岡県フットサル選手権大会 要項</t>
    <phoneticPr fontId="9"/>
  </si>
  <si>
    <t>　第２１回　Ｕ－１２静岡県フットサル選手権大会日程</t>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0" x14ac:knownFonts="1">
    <font>
      <sz val="11"/>
      <color theme="1"/>
      <name val="游ゴシック"/>
      <family val="2"/>
      <charset val="128"/>
      <scheme val="minor"/>
    </font>
    <font>
      <sz val="6"/>
      <name val="游ゴシック"/>
      <family val="2"/>
      <charset val="128"/>
      <scheme val="minor"/>
    </font>
    <font>
      <b/>
      <sz val="14"/>
      <color theme="1"/>
      <name val="Meiryo UI"/>
      <family val="3"/>
      <charset val="128"/>
    </font>
    <font>
      <sz val="11"/>
      <name val="Meiryo UI"/>
      <family val="3"/>
      <charset val="128"/>
    </font>
    <font>
      <sz val="11"/>
      <name val="ＭＳ Ｐゴシック"/>
      <family val="3"/>
      <charset val="128"/>
    </font>
    <font>
      <sz val="9"/>
      <name val="Meiryo UI"/>
      <family val="3"/>
      <charset val="128"/>
    </font>
    <font>
      <sz val="8"/>
      <name val="Meiryo UI"/>
      <family val="3"/>
      <charset val="128"/>
    </font>
    <font>
      <sz val="10"/>
      <name val="Meiryo UI"/>
      <family val="3"/>
      <charset val="128"/>
    </font>
    <font>
      <sz val="6"/>
      <name val="ＭＳ Ｐゴシック"/>
      <family val="3"/>
      <charset val="128"/>
    </font>
    <font>
      <sz val="6"/>
      <name val="游ゴシック"/>
      <family val="3"/>
      <charset val="128"/>
      <scheme val="minor"/>
    </font>
    <font>
      <b/>
      <sz val="16"/>
      <name val="Meiryo UI"/>
      <family val="3"/>
      <charset val="128"/>
    </font>
    <font>
      <sz val="12"/>
      <name val="Meiryo UI"/>
      <family val="3"/>
      <charset val="128"/>
    </font>
    <font>
      <b/>
      <sz val="12"/>
      <name val="Meiryo UI"/>
      <family val="3"/>
      <charset val="128"/>
    </font>
    <font>
      <b/>
      <sz val="14"/>
      <name val="Meiryo UI"/>
      <family val="3"/>
      <charset val="128"/>
    </font>
    <font>
      <u/>
      <sz val="11"/>
      <name val="Meiryo UI"/>
      <family val="3"/>
      <charset val="128"/>
    </font>
    <font>
      <sz val="22"/>
      <name val="Meiryo UI"/>
      <family val="3"/>
      <charset val="128"/>
    </font>
    <font>
      <b/>
      <sz val="9"/>
      <color indexed="81"/>
      <name val="ＭＳ Ｐゴシック"/>
      <family val="3"/>
      <charset val="128"/>
    </font>
    <font>
      <b/>
      <sz val="11"/>
      <name val="Meiryo UI"/>
      <family val="3"/>
      <charset val="128"/>
    </font>
    <font>
      <b/>
      <sz val="20"/>
      <name val="Meiryo UI"/>
      <family val="3"/>
      <charset val="128"/>
    </font>
    <font>
      <sz val="10.5"/>
      <name val="Meiryo UI"/>
      <family val="3"/>
      <charset val="128"/>
    </font>
  </fonts>
  <fills count="2">
    <fill>
      <patternFill patternType="none"/>
    </fill>
    <fill>
      <patternFill patternType="gray125"/>
    </fill>
  </fills>
  <borders count="62">
    <border>
      <left/>
      <right/>
      <top/>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style="thin">
        <color indexed="64"/>
      </left>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top/>
      <bottom style="thin">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right style="thin">
        <color indexed="64"/>
      </right>
      <top style="dotted">
        <color indexed="64"/>
      </top>
      <bottom style="medium">
        <color indexed="64"/>
      </bottom>
      <diagonal/>
    </border>
    <border>
      <left/>
      <right/>
      <top style="dotted">
        <color indexed="64"/>
      </top>
      <bottom style="medium">
        <color indexed="64"/>
      </bottom>
      <diagonal/>
    </border>
    <border>
      <left style="thin">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right style="thin">
        <color indexed="64"/>
      </right>
      <top style="medium">
        <color indexed="64"/>
      </top>
      <bottom style="dotted">
        <color indexed="64"/>
      </bottom>
      <diagonal/>
    </border>
    <border>
      <left/>
      <right/>
      <top style="medium">
        <color indexed="64"/>
      </top>
      <bottom style="dotted">
        <color indexed="64"/>
      </bottom>
      <diagonal/>
    </border>
    <border>
      <left style="thin">
        <color indexed="64"/>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style="thin">
        <color indexed="64"/>
      </right>
      <top style="medium">
        <color indexed="64"/>
      </top>
      <bottom/>
      <diagonal/>
    </border>
    <border>
      <left style="medium">
        <color indexed="64"/>
      </left>
      <right/>
      <top style="dotted">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medium">
        <color indexed="64"/>
      </left>
      <right/>
      <top style="dotted">
        <color indexed="64"/>
      </top>
      <bottom style="dotted">
        <color indexed="64"/>
      </bottom>
      <diagonal/>
    </border>
    <border>
      <left style="medium">
        <color indexed="64"/>
      </left>
      <right style="medium">
        <color indexed="64"/>
      </right>
      <top/>
      <bottom/>
      <diagonal/>
    </border>
    <border>
      <left/>
      <right style="medium">
        <color indexed="64"/>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top/>
      <bottom style="dotted">
        <color indexed="64"/>
      </bottom>
      <diagonal/>
    </border>
    <border>
      <left style="medium">
        <color indexed="64"/>
      </left>
      <right/>
      <top/>
      <bottom style="dotted">
        <color indexed="64"/>
      </bottom>
      <diagonal/>
    </border>
    <border>
      <left/>
      <right style="medium">
        <color indexed="64"/>
      </right>
      <top style="thin">
        <color indexed="64"/>
      </top>
      <bottom style="dotted">
        <color indexed="64"/>
      </bottom>
      <diagonal/>
    </border>
    <border>
      <left/>
      <right/>
      <top style="thin">
        <color indexed="64"/>
      </top>
      <bottom style="dotted">
        <color indexed="64"/>
      </bottom>
      <diagonal/>
    </border>
    <border>
      <left style="thin">
        <color indexed="64"/>
      </left>
      <right/>
      <top style="thin">
        <color indexed="64"/>
      </top>
      <bottom style="dotted">
        <color indexed="64"/>
      </bottom>
      <diagonal/>
    </border>
    <border>
      <left style="medium">
        <color indexed="64"/>
      </left>
      <right style="medium">
        <color indexed="64"/>
      </right>
      <top style="medium">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top style="medium">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bottom style="medium">
        <color indexed="64"/>
      </bottom>
      <diagonal/>
    </border>
  </borders>
  <cellStyleXfs count="4">
    <xf numFmtId="0" fontId="0" fillId="0" borderId="0">
      <alignment vertical="center"/>
    </xf>
    <xf numFmtId="0" fontId="4" fillId="0" borderId="0"/>
    <xf numFmtId="0" fontId="4" fillId="0" borderId="0">
      <alignment vertical="center"/>
    </xf>
    <xf numFmtId="0" fontId="4" fillId="0" borderId="0">
      <alignment vertical="center"/>
    </xf>
  </cellStyleXfs>
  <cellXfs count="181">
    <xf numFmtId="0" fontId="0" fillId="0" borderId="0" xfId="0">
      <alignment vertical="center"/>
    </xf>
    <xf numFmtId="0" fontId="3" fillId="0" borderId="0" xfId="0" applyFont="1">
      <alignment vertical="center"/>
    </xf>
    <xf numFmtId="0" fontId="3" fillId="0" borderId="0" xfId="1" applyFont="1" applyAlignment="1">
      <alignment vertical="center"/>
    </xf>
    <xf numFmtId="0" fontId="3" fillId="0" borderId="0" xfId="1" applyFont="1"/>
    <xf numFmtId="0" fontId="3" fillId="0" borderId="0" xfId="1" applyFont="1" applyAlignment="1">
      <alignment horizontal="distributed" vertical="center" justifyLastLine="1"/>
    </xf>
    <xf numFmtId="0" fontId="3" fillId="0" borderId="0" xfId="1" applyFont="1" applyAlignment="1">
      <alignment horizontal="distributed" vertical="center"/>
    </xf>
    <xf numFmtId="0" fontId="3" fillId="0" borderId="0" xfId="1" applyFont="1" applyAlignment="1">
      <alignment vertical="center" wrapText="1"/>
    </xf>
    <xf numFmtId="0" fontId="15" fillId="0" borderId="0" xfId="1" applyFont="1" applyAlignment="1">
      <alignment vertical="center"/>
    </xf>
    <xf numFmtId="0" fontId="10" fillId="0" borderId="0" xfId="1" applyFont="1" applyAlignment="1">
      <alignment horizontal="center" vertical="center"/>
    </xf>
    <xf numFmtId="0" fontId="3" fillId="0" borderId="0" xfId="1" applyFont="1" applyAlignment="1">
      <alignment horizontal="center" vertical="center"/>
    </xf>
    <xf numFmtId="0" fontId="3" fillId="0" borderId="2" xfId="1" applyFont="1" applyBorder="1" applyAlignment="1">
      <alignment vertical="center"/>
    </xf>
    <xf numFmtId="0" fontId="3" fillId="0" borderId="3" xfId="1" applyFont="1" applyBorder="1" applyAlignment="1">
      <alignment horizontal="center" vertical="center"/>
    </xf>
    <xf numFmtId="0" fontId="3" fillId="0" borderId="3" xfId="1" applyFont="1" applyBorder="1" applyAlignment="1">
      <alignment vertical="center"/>
    </xf>
    <xf numFmtId="0" fontId="3" fillId="0" borderId="4" xfId="1" applyFont="1" applyBorder="1" applyAlignment="1">
      <alignment vertical="center"/>
    </xf>
    <xf numFmtId="0" fontId="3" fillId="0" borderId="5" xfId="1" applyFont="1" applyBorder="1" applyAlignment="1">
      <alignment vertical="center"/>
    </xf>
    <xf numFmtId="0" fontId="3" fillId="0" borderId="6" xfId="1" applyFont="1" applyBorder="1" applyAlignment="1">
      <alignment vertical="center"/>
    </xf>
    <xf numFmtId="0" fontId="3" fillId="0" borderId="5" xfId="1" applyFont="1" applyBorder="1" applyAlignment="1">
      <alignment horizontal="center" vertical="center"/>
    </xf>
    <xf numFmtId="0" fontId="3" fillId="0" borderId="7" xfId="1" applyFont="1" applyBorder="1" applyAlignment="1">
      <alignment vertical="center"/>
    </xf>
    <xf numFmtId="0" fontId="3" fillId="0" borderId="9" xfId="1" applyFont="1" applyBorder="1" applyAlignment="1">
      <alignment horizontal="center" vertical="center"/>
    </xf>
    <xf numFmtId="0" fontId="3" fillId="0" borderId="12" xfId="1" applyFont="1" applyBorder="1" applyAlignment="1">
      <alignment vertical="center" textRotation="255" shrinkToFit="1"/>
    </xf>
    <xf numFmtId="0" fontId="11" fillId="0" borderId="0" xfId="1" applyFont="1" applyAlignment="1">
      <alignment horizontal="left" vertical="center" shrinkToFit="1"/>
    </xf>
    <xf numFmtId="0" fontId="11" fillId="0" borderId="0" xfId="1" applyFont="1" applyAlignment="1">
      <alignment horizontal="right" vertical="center" shrinkToFit="1"/>
    </xf>
    <xf numFmtId="0" fontId="11" fillId="0" borderId="0" xfId="1" applyFont="1" applyAlignment="1">
      <alignment horizontal="left" vertical="center"/>
    </xf>
    <xf numFmtId="0" fontId="11" fillId="0" borderId="0" xfId="1" applyFont="1" applyAlignment="1">
      <alignment horizontal="right" vertical="center"/>
    </xf>
    <xf numFmtId="20" fontId="17" fillId="0" borderId="0" xfId="1" applyNumberFormat="1" applyFont="1" applyAlignment="1">
      <alignment vertical="center"/>
    </xf>
    <xf numFmtId="20" fontId="17" fillId="0" borderId="0" xfId="1" applyNumberFormat="1" applyFont="1" applyAlignment="1">
      <alignment vertical="center" shrinkToFit="1"/>
    </xf>
    <xf numFmtId="0" fontId="3" fillId="0" borderId="0" xfId="1" applyFont="1" applyAlignment="1">
      <alignment vertical="center" textRotation="255" shrinkToFit="1"/>
    </xf>
    <xf numFmtId="20" fontId="17" fillId="0" borderId="0" xfId="1" applyNumberFormat="1" applyFont="1" applyAlignment="1">
      <alignment horizontal="center" vertical="center"/>
    </xf>
    <xf numFmtId="0" fontId="3" fillId="0" borderId="17" xfId="1" applyFont="1" applyBorder="1" applyAlignment="1">
      <alignment horizontal="center" vertical="center"/>
    </xf>
    <xf numFmtId="0" fontId="3" fillId="0" borderId="24" xfId="1" applyFont="1" applyBorder="1" applyAlignment="1">
      <alignment horizontal="center" vertical="center"/>
    </xf>
    <xf numFmtId="20" fontId="13" fillId="0" borderId="0" xfId="1" applyNumberFormat="1" applyFont="1" applyAlignment="1">
      <alignment vertical="center"/>
    </xf>
    <xf numFmtId="20" fontId="12" fillId="0" borderId="0" xfId="1" applyNumberFormat="1" applyFont="1" applyAlignment="1">
      <alignment vertical="center"/>
    </xf>
    <xf numFmtId="0" fontId="11" fillId="0" borderId="0" xfId="1" applyFont="1" applyAlignment="1">
      <alignment horizontal="center" vertical="center" textRotation="255"/>
    </xf>
    <xf numFmtId="0" fontId="3" fillId="0" borderId="17" xfId="1" applyFont="1" applyBorder="1" applyAlignment="1">
      <alignment vertical="center"/>
    </xf>
    <xf numFmtId="0" fontId="3" fillId="0" borderId="18" xfId="1" applyFont="1" applyBorder="1" applyAlignment="1">
      <alignment vertical="center"/>
    </xf>
    <xf numFmtId="0" fontId="3" fillId="0" borderId="28" xfId="1" applyFont="1" applyBorder="1" applyAlignment="1">
      <alignment horizontal="center" vertical="center"/>
    </xf>
    <xf numFmtId="20" fontId="17" fillId="0" borderId="18" xfId="1" applyNumberFormat="1" applyFont="1" applyBorder="1" applyAlignment="1">
      <alignment horizontal="center" vertical="center"/>
    </xf>
    <xf numFmtId="0" fontId="3" fillId="0" borderId="31" xfId="1" applyFont="1" applyBorder="1" applyAlignment="1">
      <alignment vertical="center"/>
    </xf>
    <xf numFmtId="0" fontId="3" fillId="0" borderId="31" xfId="1" applyFont="1" applyBorder="1" applyAlignment="1">
      <alignment horizontal="center" vertical="center"/>
    </xf>
    <xf numFmtId="0" fontId="3" fillId="0" borderId="33" xfId="1" applyFont="1" applyBorder="1" applyAlignment="1">
      <alignment vertical="center"/>
    </xf>
    <xf numFmtId="0" fontId="3" fillId="0" borderId="34" xfId="1" applyFont="1" applyBorder="1" applyAlignment="1">
      <alignment horizontal="center" vertical="center"/>
    </xf>
    <xf numFmtId="20" fontId="17" fillId="0" borderId="33" xfId="1" applyNumberFormat="1" applyFont="1" applyBorder="1" applyAlignment="1">
      <alignment horizontal="center" vertical="center"/>
    </xf>
    <xf numFmtId="0" fontId="3" fillId="0" borderId="37" xfId="1" applyFont="1" applyBorder="1" applyAlignment="1">
      <alignment horizontal="center" vertical="center"/>
    </xf>
    <xf numFmtId="0" fontId="11" fillId="0" borderId="0" xfId="1" applyFont="1" applyAlignment="1">
      <alignment vertical="center"/>
    </xf>
    <xf numFmtId="0" fontId="10" fillId="0" borderId="0" xfId="1" applyFont="1" applyAlignment="1">
      <alignment vertical="center"/>
    </xf>
    <xf numFmtId="0" fontId="13" fillId="0" borderId="0" xfId="1" applyFont="1" applyAlignment="1">
      <alignment vertical="center"/>
    </xf>
    <xf numFmtId="0" fontId="19" fillId="0" borderId="0" xfId="0" applyFont="1">
      <alignment vertical="center"/>
    </xf>
    <xf numFmtId="0" fontId="19" fillId="0" borderId="0" xfId="0" quotePrefix="1" applyFont="1" applyAlignment="1">
      <alignment horizontal="right" vertical="center"/>
    </xf>
    <xf numFmtId="0" fontId="7" fillId="0" borderId="0" xfId="0" applyFont="1">
      <alignment vertical="center"/>
    </xf>
    <xf numFmtId="0" fontId="14" fillId="0" borderId="0" xfId="1" applyFont="1"/>
    <xf numFmtId="0" fontId="14" fillId="0" borderId="0" xfId="1" applyFont="1" applyAlignment="1">
      <alignment horizontal="distributed" vertical="center" justifyLastLine="1"/>
    </xf>
    <xf numFmtId="0" fontId="14" fillId="0" borderId="0" xfId="1" applyFont="1" applyAlignment="1">
      <alignment horizontal="left" vertical="top" wrapText="1"/>
    </xf>
    <xf numFmtId="0" fontId="2" fillId="0" borderId="0" xfId="0" applyFont="1" applyAlignment="1">
      <alignment horizontal="center" vertical="center"/>
    </xf>
    <xf numFmtId="0" fontId="3" fillId="0" borderId="0" xfId="1" applyFont="1" applyAlignment="1">
      <alignment vertical="center" wrapText="1"/>
    </xf>
    <xf numFmtId="0" fontId="3" fillId="0" borderId="0" xfId="1" applyFont="1" applyAlignment="1">
      <alignment horizontal="left" vertical="center" wrapText="1"/>
    </xf>
    <xf numFmtId="0" fontId="10" fillId="0" borderId="0" xfId="1" applyFont="1" applyAlignment="1">
      <alignment horizontal="center" vertical="center"/>
    </xf>
    <xf numFmtId="0" fontId="3" fillId="0" borderId="0" xfId="1" applyFont="1" applyAlignment="1">
      <alignment horizontal="left" vertical="top" wrapText="1"/>
    </xf>
    <xf numFmtId="0" fontId="3" fillId="0" borderId="0" xfId="1" applyFont="1" applyAlignment="1">
      <alignment vertical="center"/>
    </xf>
    <xf numFmtId="0" fontId="14" fillId="0" borderId="0" xfId="1" applyFont="1" applyAlignment="1">
      <alignment horizontal="left" vertical="top" wrapText="1"/>
    </xf>
    <xf numFmtId="0" fontId="17" fillId="0" borderId="0" xfId="1" applyFont="1" applyAlignment="1">
      <alignment horizontal="center" vertical="top" textRotation="255"/>
    </xf>
    <xf numFmtId="0" fontId="3" fillId="0" borderId="0" xfId="1" applyFont="1" applyAlignment="1">
      <alignment horizontal="center" vertical="center"/>
    </xf>
    <xf numFmtId="20" fontId="17" fillId="0" borderId="10" xfId="1" applyNumberFormat="1" applyFont="1" applyBorder="1" applyAlignment="1">
      <alignment horizontal="center" vertical="center"/>
    </xf>
    <xf numFmtId="20" fontId="17" fillId="0" borderId="9" xfId="1" applyNumberFormat="1" applyFont="1" applyBorder="1" applyAlignment="1">
      <alignment horizontal="center" vertical="center"/>
    </xf>
    <xf numFmtId="0" fontId="11" fillId="0" borderId="9" xfId="1" applyFont="1" applyBorder="1" applyAlignment="1">
      <alignment horizontal="right" vertical="center"/>
    </xf>
    <xf numFmtId="0" fontId="11" fillId="0" borderId="11" xfId="1" applyFont="1" applyBorder="1" applyAlignment="1">
      <alignment horizontal="right" vertical="center"/>
    </xf>
    <xf numFmtId="0" fontId="3" fillId="0" borderId="10" xfId="1" applyFont="1" applyBorder="1" applyAlignment="1">
      <alignment horizontal="center" vertical="center"/>
    </xf>
    <xf numFmtId="0" fontId="3" fillId="0" borderId="9" xfId="1" applyFont="1" applyBorder="1" applyAlignment="1">
      <alignment horizontal="center" vertical="center"/>
    </xf>
    <xf numFmtId="0" fontId="3" fillId="0" borderId="11" xfId="1" applyFont="1" applyBorder="1" applyAlignment="1">
      <alignment horizontal="center" vertical="center"/>
    </xf>
    <xf numFmtId="0" fontId="11" fillId="0" borderId="9" xfId="1" applyFont="1" applyBorder="1" applyAlignment="1">
      <alignment horizontal="left" vertical="center"/>
    </xf>
    <xf numFmtId="20" fontId="3" fillId="0" borderId="10" xfId="1" applyNumberFormat="1" applyFont="1" applyBorder="1" applyAlignment="1">
      <alignment horizontal="center" vertical="center" shrinkToFit="1"/>
    </xf>
    <xf numFmtId="20" fontId="3" fillId="0" borderId="9" xfId="1" applyNumberFormat="1" applyFont="1" applyBorder="1" applyAlignment="1">
      <alignment horizontal="center" vertical="center" shrinkToFit="1"/>
    </xf>
    <xf numFmtId="20" fontId="3" fillId="0" borderId="11" xfId="1" applyNumberFormat="1" applyFont="1" applyBorder="1" applyAlignment="1">
      <alignment horizontal="center" vertical="center" shrinkToFit="1"/>
    </xf>
    <xf numFmtId="20" fontId="6" fillId="0" borderId="10" xfId="1" applyNumberFormat="1" applyFont="1" applyBorder="1" applyAlignment="1">
      <alignment horizontal="center" vertical="center" wrapText="1" shrinkToFit="1"/>
    </xf>
    <xf numFmtId="20" fontId="5" fillId="0" borderId="9" xfId="1" applyNumberFormat="1" applyFont="1" applyBorder="1" applyAlignment="1">
      <alignment horizontal="center" vertical="center" wrapText="1" shrinkToFit="1"/>
    </xf>
    <xf numFmtId="0" fontId="11" fillId="0" borderId="9" xfId="1" applyFont="1" applyBorder="1" applyAlignment="1">
      <alignment horizontal="right" vertical="center" shrinkToFit="1"/>
    </xf>
    <xf numFmtId="0" fontId="11" fillId="0" borderId="11" xfId="1" applyFont="1" applyBorder="1" applyAlignment="1">
      <alignment horizontal="right" vertical="center" shrinkToFit="1"/>
    </xf>
    <xf numFmtId="0" fontId="7" fillId="0" borderId="18" xfId="1" applyFont="1" applyBorder="1" applyAlignment="1">
      <alignment horizontal="center" vertical="center"/>
    </xf>
    <xf numFmtId="0" fontId="7" fillId="0" borderId="17" xfId="1" applyFont="1" applyBorder="1" applyAlignment="1">
      <alignment horizontal="center" vertical="center"/>
    </xf>
    <xf numFmtId="0" fontId="11" fillId="0" borderId="16" xfId="1" applyFont="1" applyBorder="1" applyAlignment="1" applyProtection="1">
      <alignment horizontal="left" vertical="center" shrinkToFit="1"/>
      <protection locked="0"/>
    </xf>
    <xf numFmtId="0" fontId="11" fillId="0" borderId="15" xfId="1" applyFont="1" applyBorder="1" applyAlignment="1" applyProtection="1">
      <alignment horizontal="left" vertical="center" shrinkToFit="1"/>
      <protection locked="0"/>
    </xf>
    <xf numFmtId="0" fontId="11" fillId="0" borderId="10" xfId="1" applyFont="1" applyBorder="1" applyAlignment="1">
      <alignment horizontal="center" vertical="center" shrinkToFit="1"/>
    </xf>
    <xf numFmtId="0" fontId="11" fillId="0" borderId="9" xfId="1" applyFont="1" applyBorder="1" applyAlignment="1">
      <alignment horizontal="center" vertical="center" shrinkToFit="1"/>
    </xf>
    <xf numFmtId="0" fontId="11" fillId="0" borderId="8" xfId="1" applyFont="1" applyBorder="1" applyAlignment="1">
      <alignment horizontal="center" vertical="center" shrinkToFit="1"/>
    </xf>
    <xf numFmtId="0" fontId="11" fillId="0" borderId="15" xfId="1" applyFont="1" applyBorder="1" applyAlignment="1">
      <alignment horizontal="center" vertical="center" shrinkToFit="1"/>
    </xf>
    <xf numFmtId="0" fontId="11" fillId="0" borderId="14" xfId="1" applyFont="1" applyBorder="1" applyAlignment="1">
      <alignment horizontal="center" vertical="center" shrinkToFit="1"/>
    </xf>
    <xf numFmtId="0" fontId="3" fillId="0" borderId="27" xfId="1" applyFont="1" applyBorder="1" applyAlignment="1">
      <alignment vertical="center" textRotation="255" shrinkToFit="1"/>
    </xf>
    <xf numFmtId="0" fontId="3" fillId="0" borderId="20" xfId="1" applyFont="1" applyBorder="1" applyAlignment="1">
      <alignment vertical="center" textRotation="255" shrinkToFit="1"/>
    </xf>
    <xf numFmtId="20" fontId="3" fillId="0" borderId="25" xfId="1" applyNumberFormat="1" applyFont="1" applyBorder="1" applyAlignment="1">
      <alignment horizontal="center" vertical="center" shrinkToFit="1"/>
    </xf>
    <xf numFmtId="20" fontId="3" fillId="0" borderId="24" xfId="1" applyNumberFormat="1" applyFont="1" applyBorder="1" applyAlignment="1">
      <alignment horizontal="center" vertical="center" shrinkToFit="1"/>
    </xf>
    <xf numFmtId="20" fontId="3" fillId="0" borderId="23" xfId="1" applyNumberFormat="1" applyFont="1" applyBorder="1" applyAlignment="1">
      <alignment horizontal="center" vertical="center" shrinkToFit="1"/>
    </xf>
    <xf numFmtId="0" fontId="7" fillId="0" borderId="25" xfId="1" applyFont="1" applyBorder="1" applyAlignment="1">
      <alignment horizontal="center" vertical="center"/>
    </xf>
    <xf numFmtId="0" fontId="7" fillId="0" borderId="24" xfId="1" applyFont="1" applyBorder="1" applyAlignment="1">
      <alignment horizontal="center" vertical="center"/>
    </xf>
    <xf numFmtId="0" fontId="11" fillId="0" borderId="24" xfId="1" applyFont="1" applyBorder="1" applyAlignment="1">
      <alignment horizontal="right" vertical="center" shrinkToFit="1"/>
    </xf>
    <xf numFmtId="0" fontId="11" fillId="0" borderId="23" xfId="1" applyFont="1" applyBorder="1" applyAlignment="1">
      <alignment horizontal="right" vertical="center" shrinkToFit="1"/>
    </xf>
    <xf numFmtId="0" fontId="3" fillId="0" borderId="24" xfId="1" applyFont="1" applyBorder="1" applyAlignment="1">
      <alignment horizontal="center" vertical="center"/>
    </xf>
    <xf numFmtId="0" fontId="11" fillId="0" borderId="25" xfId="1" applyFont="1" applyBorder="1" applyAlignment="1">
      <alignment horizontal="center" vertical="center" shrinkToFit="1"/>
    </xf>
    <xf numFmtId="0" fontId="11" fillId="0" borderId="24" xfId="1" applyFont="1" applyBorder="1" applyAlignment="1">
      <alignment horizontal="center" vertical="center" shrinkToFit="1"/>
    </xf>
    <xf numFmtId="0" fontId="11" fillId="0" borderId="26" xfId="1" applyFont="1" applyBorder="1" applyAlignment="1">
      <alignment horizontal="center" vertical="center" shrinkToFit="1"/>
    </xf>
    <xf numFmtId="0" fontId="6" fillId="0" borderId="9" xfId="1" applyFont="1" applyBorder="1" applyAlignment="1">
      <alignment horizontal="center" vertical="center" wrapText="1"/>
    </xf>
    <xf numFmtId="0" fontId="7" fillId="0" borderId="9" xfId="1" applyFont="1" applyBorder="1" applyAlignment="1">
      <alignment horizontal="center" vertical="center" wrapText="1"/>
    </xf>
    <xf numFmtId="0" fontId="11" fillId="0" borderId="11" xfId="1" applyFont="1" applyBorder="1" applyAlignment="1">
      <alignment horizontal="left" vertical="center" shrinkToFit="1"/>
    </xf>
    <xf numFmtId="0" fontId="11" fillId="0" borderId="13" xfId="1" applyFont="1" applyBorder="1" applyAlignment="1">
      <alignment horizontal="left" vertical="center" shrinkToFit="1"/>
    </xf>
    <xf numFmtId="0" fontId="6" fillId="0" borderId="10" xfId="1" applyFont="1" applyBorder="1" applyAlignment="1">
      <alignment horizontal="center" vertical="center" wrapText="1"/>
    </xf>
    <xf numFmtId="0" fontId="11" fillId="0" borderId="9" xfId="1" applyFont="1" applyBorder="1" applyAlignment="1">
      <alignment horizontal="left" vertical="center" shrinkToFit="1"/>
    </xf>
    <xf numFmtId="0" fontId="11" fillId="0" borderId="17" xfId="1" applyFont="1" applyBorder="1" applyAlignment="1">
      <alignment horizontal="right" vertical="center" shrinkToFit="1"/>
    </xf>
    <xf numFmtId="0" fontId="11" fillId="0" borderId="16" xfId="1" applyFont="1" applyBorder="1" applyAlignment="1">
      <alignment horizontal="right" vertical="center" shrinkToFit="1"/>
    </xf>
    <xf numFmtId="0" fontId="3" fillId="0" borderId="17" xfId="1" applyFont="1" applyBorder="1" applyAlignment="1">
      <alignment horizontal="center" vertical="center"/>
    </xf>
    <xf numFmtId="0" fontId="11" fillId="0" borderId="17" xfId="1" applyFont="1" applyBorder="1" applyAlignment="1">
      <alignment horizontal="left" vertical="center" shrinkToFit="1"/>
    </xf>
    <xf numFmtId="0" fontId="11" fillId="0" borderId="16" xfId="1" applyFont="1" applyBorder="1" applyAlignment="1">
      <alignment horizontal="left" vertical="center" shrinkToFit="1"/>
    </xf>
    <xf numFmtId="0" fontId="11" fillId="0" borderId="18" xfId="1" applyFont="1" applyBorder="1" applyAlignment="1">
      <alignment horizontal="center" vertical="center" shrinkToFit="1"/>
    </xf>
    <xf numFmtId="0" fontId="11" fillId="0" borderId="17" xfId="1" applyFont="1" applyBorder="1" applyAlignment="1">
      <alignment horizontal="center" vertical="center" shrinkToFit="1"/>
    </xf>
    <xf numFmtId="0" fontId="11" fillId="0" borderId="19" xfId="1" applyFont="1" applyBorder="1" applyAlignment="1">
      <alignment horizontal="center" vertical="center" shrinkToFit="1"/>
    </xf>
    <xf numFmtId="20" fontId="17" fillId="0" borderId="0" xfId="1" applyNumberFormat="1" applyFont="1" applyAlignment="1">
      <alignment horizontal="center" vertical="center" shrinkToFit="1"/>
    </xf>
    <xf numFmtId="0" fontId="11" fillId="0" borderId="44" xfId="1" applyFont="1" applyBorder="1" applyAlignment="1">
      <alignment horizontal="center" vertical="center" textRotation="255"/>
    </xf>
    <xf numFmtId="0" fontId="11" fillId="0" borderId="35" xfId="1" applyFont="1" applyBorder="1" applyAlignment="1">
      <alignment horizontal="center" vertical="center" textRotation="255"/>
    </xf>
    <xf numFmtId="0" fontId="11" fillId="0" borderId="29" xfId="1" applyFont="1" applyBorder="1" applyAlignment="1">
      <alignment horizontal="center" vertical="center" textRotation="255"/>
    </xf>
    <xf numFmtId="20" fontId="3" fillId="0" borderId="28" xfId="1" applyNumberFormat="1" applyFont="1" applyBorder="1" applyAlignment="1">
      <alignment horizontal="center" vertical="center" shrinkToFit="1"/>
    </xf>
    <xf numFmtId="20" fontId="3" fillId="0" borderId="17" xfId="1" applyNumberFormat="1" applyFont="1" applyBorder="1" applyAlignment="1">
      <alignment horizontal="center" vertical="center" shrinkToFit="1"/>
    </xf>
    <xf numFmtId="20" fontId="3" fillId="0" borderId="16" xfId="1" applyNumberFormat="1" applyFont="1" applyBorder="1" applyAlignment="1">
      <alignment horizontal="center" vertical="center" shrinkToFit="1"/>
    </xf>
    <xf numFmtId="0" fontId="11" fillId="0" borderId="24" xfId="1" applyFont="1" applyBorder="1" applyAlignment="1">
      <alignment horizontal="left" vertical="center" shrinkToFit="1"/>
    </xf>
    <xf numFmtId="0" fontId="11" fillId="0" borderId="23" xfId="1" applyFont="1" applyBorder="1" applyAlignment="1">
      <alignment horizontal="left" vertical="center" shrinkToFit="1"/>
    </xf>
    <xf numFmtId="20" fontId="3" fillId="0" borderId="18" xfId="1" applyNumberFormat="1" applyFont="1" applyBorder="1" applyAlignment="1">
      <alignment horizontal="center" vertical="center" shrinkToFit="1"/>
    </xf>
    <xf numFmtId="20" fontId="3" fillId="0" borderId="34" xfId="1" applyNumberFormat="1" applyFont="1" applyBorder="1" applyAlignment="1">
      <alignment horizontal="center" vertical="center" shrinkToFit="1"/>
    </xf>
    <xf numFmtId="20" fontId="3" fillId="0" borderId="31" xfId="1" applyNumberFormat="1" applyFont="1" applyBorder="1" applyAlignment="1">
      <alignment horizontal="center" vertical="center" shrinkToFit="1"/>
    </xf>
    <xf numFmtId="20" fontId="3" fillId="0" borderId="32" xfId="1" applyNumberFormat="1" applyFont="1" applyBorder="1" applyAlignment="1">
      <alignment horizontal="center" vertical="center" shrinkToFit="1"/>
    </xf>
    <xf numFmtId="0" fontId="11" fillId="0" borderId="31" xfId="1" applyFont="1" applyBorder="1" applyAlignment="1">
      <alignment horizontal="right" vertical="center" shrinkToFit="1"/>
    </xf>
    <xf numFmtId="0" fontId="11" fillId="0" borderId="32" xfId="1" applyFont="1" applyBorder="1" applyAlignment="1">
      <alignment horizontal="right" vertical="center" shrinkToFit="1"/>
    </xf>
    <xf numFmtId="0" fontId="3" fillId="0" borderId="31" xfId="1" applyFont="1" applyBorder="1" applyAlignment="1">
      <alignment horizontal="center" vertical="center"/>
    </xf>
    <xf numFmtId="0" fontId="11" fillId="0" borderId="31" xfId="1" applyFont="1" applyBorder="1" applyAlignment="1">
      <alignment horizontal="left" vertical="center" shrinkToFit="1"/>
    </xf>
    <xf numFmtId="0" fontId="11" fillId="0" borderId="33" xfId="1" applyFont="1" applyBorder="1" applyAlignment="1">
      <alignment horizontal="center" vertical="center" shrinkToFit="1"/>
    </xf>
    <xf numFmtId="0" fontId="11" fillId="0" borderId="31" xfId="1" applyFont="1" applyBorder="1" applyAlignment="1">
      <alignment horizontal="center" vertical="center" shrinkToFit="1"/>
    </xf>
    <xf numFmtId="0" fontId="11" fillId="0" borderId="30" xfId="1" applyFont="1" applyBorder="1" applyAlignment="1">
      <alignment horizontal="center" vertical="center" shrinkToFit="1"/>
    </xf>
    <xf numFmtId="0" fontId="11" fillId="0" borderId="23" xfId="1" applyFont="1" applyBorder="1" applyAlignment="1" applyProtection="1">
      <alignment horizontal="left" vertical="center" shrinkToFit="1"/>
      <protection locked="0"/>
    </xf>
    <xf numFmtId="0" fontId="11" fillId="0" borderId="22" xfId="1" applyFont="1" applyBorder="1" applyAlignment="1" applyProtection="1">
      <alignment horizontal="left" vertical="center" shrinkToFit="1"/>
      <protection locked="0"/>
    </xf>
    <xf numFmtId="0" fontId="11" fillId="0" borderId="22" xfId="1" applyFont="1" applyBorder="1" applyAlignment="1">
      <alignment horizontal="center" vertical="center" shrinkToFit="1"/>
    </xf>
    <xf numFmtId="0" fontId="11" fillId="0" borderId="21" xfId="1" applyFont="1" applyBorder="1" applyAlignment="1">
      <alignment horizontal="center" vertical="center" shrinkToFit="1"/>
    </xf>
    <xf numFmtId="0" fontId="11" fillId="0" borderId="32" xfId="1" applyFont="1" applyBorder="1" applyAlignment="1">
      <alignment horizontal="left" vertical="center" shrinkToFit="1"/>
    </xf>
    <xf numFmtId="0" fontId="3" fillId="0" borderId="33" xfId="1" applyFont="1" applyBorder="1" applyAlignment="1">
      <alignment horizontal="center" vertical="center"/>
    </xf>
    <xf numFmtId="0" fontId="3" fillId="0" borderId="37" xfId="1" applyFont="1" applyBorder="1" applyAlignment="1">
      <alignment horizontal="center" vertical="center"/>
    </xf>
    <xf numFmtId="0" fontId="3" fillId="0" borderId="39" xfId="1" applyFont="1" applyBorder="1" applyAlignment="1">
      <alignment horizontal="center" vertical="center"/>
    </xf>
    <xf numFmtId="0" fontId="11" fillId="0" borderId="37" xfId="1" applyFont="1" applyBorder="1" applyAlignment="1">
      <alignment horizontal="left" vertical="center" shrinkToFit="1"/>
    </xf>
    <xf numFmtId="0" fontId="11" fillId="0" borderId="38" xfId="1" applyFont="1" applyBorder="1" applyAlignment="1">
      <alignment horizontal="left" vertical="center" shrinkToFit="1"/>
    </xf>
    <xf numFmtId="0" fontId="11" fillId="0" borderId="37" xfId="1" applyFont="1" applyBorder="1" applyAlignment="1">
      <alignment horizontal="center" vertical="center" shrinkToFit="1"/>
    </xf>
    <xf numFmtId="0" fontId="11" fillId="0" borderId="36" xfId="1" applyFont="1" applyBorder="1" applyAlignment="1">
      <alignment horizontal="center" vertical="center" shrinkToFit="1"/>
    </xf>
    <xf numFmtId="0" fontId="3" fillId="0" borderId="40" xfId="1" applyFont="1" applyBorder="1" applyAlignment="1">
      <alignment horizontal="center" vertical="center"/>
    </xf>
    <xf numFmtId="0" fontId="11" fillId="0" borderId="37" xfId="1" applyFont="1" applyBorder="1" applyAlignment="1">
      <alignment horizontal="right" vertical="center" shrinkToFit="1"/>
    </xf>
    <xf numFmtId="0" fontId="11" fillId="0" borderId="38" xfId="1" applyFont="1" applyBorder="1" applyAlignment="1">
      <alignment horizontal="right" vertical="center" shrinkToFit="1"/>
    </xf>
    <xf numFmtId="20" fontId="3" fillId="0" borderId="40" xfId="1" applyNumberFormat="1" applyFont="1" applyBorder="1" applyAlignment="1">
      <alignment horizontal="center" vertical="center" shrinkToFit="1"/>
    </xf>
    <xf numFmtId="20" fontId="3" fillId="0" borderId="37" xfId="1" applyNumberFormat="1" applyFont="1" applyBorder="1" applyAlignment="1">
      <alignment horizontal="center" vertical="center" shrinkToFit="1"/>
    </xf>
    <xf numFmtId="20" fontId="3" fillId="0" borderId="38" xfId="1" applyNumberFormat="1" applyFont="1" applyBorder="1" applyAlignment="1">
      <alignment horizontal="center" vertical="center" shrinkToFit="1"/>
    </xf>
    <xf numFmtId="0" fontId="11" fillId="0" borderId="43" xfId="1" applyFont="1" applyBorder="1" applyAlignment="1">
      <alignment horizontal="center" vertical="center" shrinkToFit="1"/>
    </xf>
    <xf numFmtId="0" fontId="11" fillId="0" borderId="42" xfId="1" applyFont="1" applyBorder="1" applyAlignment="1">
      <alignment horizontal="center" vertical="center" shrinkToFit="1"/>
    </xf>
    <xf numFmtId="0" fontId="11" fillId="0" borderId="41" xfId="1" applyFont="1" applyBorder="1" applyAlignment="1">
      <alignment horizontal="center" vertical="center" shrinkToFit="1"/>
    </xf>
    <xf numFmtId="0" fontId="13" fillId="0" borderId="59" xfId="1" applyFont="1" applyBorder="1" applyAlignment="1">
      <alignment horizontal="center" vertical="center"/>
    </xf>
    <xf numFmtId="0" fontId="13" fillId="0" borderId="1" xfId="1" applyFont="1" applyBorder="1" applyAlignment="1">
      <alignment horizontal="center" vertical="center"/>
    </xf>
    <xf numFmtId="0" fontId="13" fillId="0" borderId="1" xfId="1" applyFont="1" applyBorder="1" applyAlignment="1">
      <alignment horizontal="center" vertical="center" shrinkToFit="1"/>
    </xf>
    <xf numFmtId="0" fontId="13" fillId="0" borderId="56" xfId="1" applyFont="1" applyBorder="1" applyAlignment="1">
      <alignment horizontal="center" vertical="center" shrinkToFit="1"/>
    </xf>
    <xf numFmtId="0" fontId="12" fillId="0" borderId="54" xfId="1" applyFont="1" applyBorder="1" applyAlignment="1">
      <alignment horizontal="center" vertical="center"/>
    </xf>
    <xf numFmtId="0" fontId="12" fillId="0" borderId="9" xfId="1" applyFont="1" applyBorder="1" applyAlignment="1">
      <alignment horizontal="center" vertical="center"/>
    </xf>
    <xf numFmtId="0" fontId="12" fillId="0" borderId="8" xfId="1" applyFont="1" applyBorder="1" applyAlignment="1">
      <alignment horizontal="center" vertical="center"/>
    </xf>
    <xf numFmtId="0" fontId="3" fillId="0" borderId="53" xfId="1" applyFont="1" applyBorder="1" applyAlignment="1">
      <alignment horizontal="center" vertical="center"/>
    </xf>
    <xf numFmtId="0" fontId="3" fillId="0" borderId="46" xfId="1" applyFont="1" applyBorder="1" applyAlignment="1">
      <alignment horizontal="center" vertical="center"/>
    </xf>
    <xf numFmtId="0" fontId="3" fillId="0" borderId="52" xfId="1" applyFont="1" applyBorder="1" applyAlignment="1">
      <alignment horizontal="center" vertical="center"/>
    </xf>
    <xf numFmtId="0" fontId="11" fillId="0" borderId="51" xfId="1" applyFont="1" applyBorder="1" applyAlignment="1">
      <alignment horizontal="center" vertical="center" shrinkToFit="1"/>
    </xf>
    <xf numFmtId="0" fontId="11" fillId="0" borderId="50" xfId="1" applyFont="1" applyBorder="1" applyAlignment="1">
      <alignment horizontal="center" vertical="center" shrinkToFit="1"/>
    </xf>
    <xf numFmtId="0" fontId="11" fillId="0" borderId="47" xfId="1" applyFont="1" applyBorder="1" applyAlignment="1">
      <alignment horizontal="center" vertical="center"/>
    </xf>
    <xf numFmtId="0" fontId="11" fillId="0" borderId="46" xfId="1" applyFont="1" applyBorder="1" applyAlignment="1">
      <alignment horizontal="center" vertical="center"/>
    </xf>
    <xf numFmtId="0" fontId="11" fillId="0" borderId="45" xfId="1" applyFont="1" applyBorder="1" applyAlignment="1">
      <alignment horizontal="center" vertical="center"/>
    </xf>
    <xf numFmtId="0" fontId="11" fillId="0" borderId="49" xfId="1" applyFont="1" applyBorder="1" applyAlignment="1">
      <alignment horizontal="center" vertical="center" shrinkToFit="1"/>
    </xf>
    <xf numFmtId="0" fontId="11" fillId="0" borderId="48" xfId="1" applyFont="1" applyBorder="1" applyAlignment="1">
      <alignment horizontal="center" vertical="center" shrinkToFit="1"/>
    </xf>
    <xf numFmtId="0" fontId="11" fillId="0" borderId="47" xfId="1" applyFont="1" applyBorder="1" applyAlignment="1">
      <alignment horizontal="center" vertical="center" shrinkToFit="1"/>
    </xf>
    <xf numFmtId="0" fontId="13" fillId="0" borderId="58" xfId="1" applyFont="1" applyBorder="1" applyAlignment="1">
      <alignment horizontal="center" vertical="center" shrinkToFit="1"/>
    </xf>
    <xf numFmtId="0" fontId="13" fillId="0" borderId="61" xfId="1" applyFont="1" applyBorder="1" applyAlignment="1">
      <alignment horizontal="center" vertical="center" shrinkToFit="1"/>
    </xf>
    <xf numFmtId="0" fontId="13" fillId="0" borderId="55" xfId="1" applyFont="1" applyBorder="1" applyAlignment="1">
      <alignment horizontal="center" vertical="center" shrinkToFit="1"/>
    </xf>
    <xf numFmtId="0" fontId="13" fillId="0" borderId="57" xfId="1" applyFont="1" applyBorder="1" applyAlignment="1">
      <alignment horizontal="center" vertical="center"/>
    </xf>
    <xf numFmtId="0" fontId="13" fillId="0" borderId="56" xfId="1" applyFont="1" applyBorder="1" applyAlignment="1">
      <alignment horizontal="center" vertical="center"/>
    </xf>
    <xf numFmtId="0" fontId="18" fillId="0" borderId="0" xfId="1" applyFont="1" applyAlignment="1">
      <alignment horizontal="center" vertical="center"/>
    </xf>
    <xf numFmtId="0" fontId="3" fillId="0" borderId="49" xfId="1" applyFont="1" applyBorder="1" applyAlignment="1">
      <alignment horizontal="center" vertical="center"/>
    </xf>
    <xf numFmtId="0" fontId="3" fillId="0" borderId="48" xfId="1" applyFont="1" applyBorder="1" applyAlignment="1">
      <alignment horizontal="center" vertical="center"/>
    </xf>
    <xf numFmtId="0" fontId="13" fillId="0" borderId="48" xfId="1" applyFont="1" applyBorder="1" applyAlignment="1">
      <alignment horizontal="center" vertical="center"/>
    </xf>
    <xf numFmtId="0" fontId="13" fillId="0" borderId="60" xfId="1" applyFont="1" applyBorder="1" applyAlignment="1">
      <alignment horizontal="center" vertical="center"/>
    </xf>
  </cellXfs>
  <cellStyles count="4">
    <cellStyle name="標準" xfId="0" builtinId="0"/>
    <cellStyle name="標準 2" xfId="1" xr:uid="{00000000-0005-0000-0000-000001000000}"/>
    <cellStyle name="標準 2 4" xfId="2" xr:uid="{00000000-0005-0000-0000-000002000000}"/>
    <cellStyle name="標準 9" xfId="3" xr:uid="{00000000-0005-0000-0000-000003000000}"/>
  </cellStyles>
  <dxfs count="0"/>
  <tableStyles count="0" defaultTableStyle="TableStyleMedium2" defaultPivotStyle="PivotStyleLight16"/>
  <colors>
    <mruColors>
      <color rgb="FF00FF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FF00"/>
    <pageSetUpPr fitToPage="1"/>
  </sheetPr>
  <dimension ref="A1:O52"/>
  <sheetViews>
    <sheetView showGridLines="0" zoomScaleNormal="100" zoomScaleSheetLayoutView="100" workbookViewId="0">
      <selection activeCell="F8" sqref="F8"/>
    </sheetView>
  </sheetViews>
  <sheetFormatPr defaultColWidth="5.59765625" defaultRowHeight="16.5" customHeight="1" x14ac:dyDescent="0.45"/>
  <cols>
    <col min="1" max="15" width="5.59765625" style="1"/>
    <col min="16" max="16" width="2.796875" style="1" customWidth="1"/>
    <col min="17" max="16384" width="5.59765625" style="1"/>
  </cols>
  <sheetData>
    <row r="1" spans="1:15" ht="16.5" customHeight="1" x14ac:dyDescent="0.45">
      <c r="A1" s="52" t="s">
        <v>232</v>
      </c>
      <c r="B1" s="52"/>
      <c r="C1" s="52"/>
      <c r="D1" s="52"/>
      <c r="E1" s="52"/>
      <c r="F1" s="52"/>
      <c r="G1" s="52"/>
      <c r="H1" s="52"/>
      <c r="I1" s="52"/>
      <c r="J1" s="52"/>
      <c r="K1" s="52"/>
      <c r="L1" s="52"/>
      <c r="M1" s="52"/>
      <c r="N1" s="52"/>
      <c r="O1" s="52"/>
    </row>
    <row r="2" spans="1:15" ht="16.5" customHeight="1" x14ac:dyDescent="0.45">
      <c r="A2" s="46"/>
    </row>
    <row r="3" spans="1:15" ht="15.9" customHeight="1" x14ac:dyDescent="0.45">
      <c r="A3" s="46" t="s">
        <v>157</v>
      </c>
    </row>
    <row r="4" spans="1:15" ht="15.9" customHeight="1" x14ac:dyDescent="0.45">
      <c r="A4" s="46" t="s">
        <v>156</v>
      </c>
      <c r="B4" s="48"/>
    </row>
    <row r="5" spans="1:15" ht="15.9" customHeight="1" x14ac:dyDescent="0.45">
      <c r="A5" s="46" t="s">
        <v>155</v>
      </c>
      <c r="B5" s="48"/>
    </row>
    <row r="6" spans="1:15" ht="15.9" customHeight="1" x14ac:dyDescent="0.45">
      <c r="A6" s="46" t="s">
        <v>154</v>
      </c>
      <c r="B6" s="48"/>
    </row>
    <row r="7" spans="1:15" ht="15.9" customHeight="1" x14ac:dyDescent="0.45">
      <c r="A7" s="46" t="s">
        <v>193</v>
      </c>
      <c r="B7" s="48"/>
    </row>
    <row r="8" spans="1:15" ht="15.9" customHeight="1" x14ac:dyDescent="0.45">
      <c r="A8" s="46" t="s">
        <v>153</v>
      </c>
      <c r="B8" s="48"/>
    </row>
    <row r="9" spans="1:15" ht="15.9" customHeight="1" x14ac:dyDescent="0.45">
      <c r="A9" s="46" t="s">
        <v>152</v>
      </c>
      <c r="B9" s="48"/>
    </row>
    <row r="10" spans="1:15" ht="15.9" customHeight="1" x14ac:dyDescent="0.45">
      <c r="A10" s="46" t="s">
        <v>151</v>
      </c>
      <c r="B10" s="48"/>
    </row>
    <row r="11" spans="1:15" ht="15.9" customHeight="1" x14ac:dyDescent="0.45">
      <c r="A11" s="46" t="s">
        <v>150</v>
      </c>
      <c r="B11" s="48"/>
    </row>
    <row r="12" spans="1:15" ht="15.9" customHeight="1" x14ac:dyDescent="0.45">
      <c r="A12" s="46" t="s">
        <v>149</v>
      </c>
      <c r="B12" s="48"/>
    </row>
    <row r="13" spans="1:15" ht="15.9" customHeight="1" x14ac:dyDescent="0.45">
      <c r="A13" s="46" t="s">
        <v>148</v>
      </c>
      <c r="B13" s="48"/>
    </row>
    <row r="14" spans="1:15" ht="15.9" customHeight="1" x14ac:dyDescent="0.45">
      <c r="A14" s="46" t="s">
        <v>147</v>
      </c>
      <c r="B14" s="48"/>
    </row>
    <row r="15" spans="1:15" ht="15.9" customHeight="1" x14ac:dyDescent="0.45">
      <c r="A15" s="46" t="s">
        <v>4</v>
      </c>
      <c r="B15" s="48"/>
    </row>
    <row r="16" spans="1:15" ht="15.9" customHeight="1" x14ac:dyDescent="0.45">
      <c r="A16" s="46" t="s">
        <v>194</v>
      </c>
      <c r="B16" s="48"/>
    </row>
    <row r="17" spans="1:2" ht="15.9" customHeight="1" x14ac:dyDescent="0.45">
      <c r="A17" s="46" t="s">
        <v>219</v>
      </c>
      <c r="B17" s="48"/>
    </row>
    <row r="18" spans="1:2" ht="15.9" customHeight="1" x14ac:dyDescent="0.45">
      <c r="A18" s="46" t="s">
        <v>195</v>
      </c>
      <c r="B18" s="48"/>
    </row>
    <row r="19" spans="1:2" ht="15.9" customHeight="1" x14ac:dyDescent="0.45">
      <c r="A19" s="46" t="s">
        <v>146</v>
      </c>
      <c r="B19" s="48"/>
    </row>
    <row r="20" spans="1:2" ht="15.9" customHeight="1" x14ac:dyDescent="0.45">
      <c r="A20" s="46" t="s">
        <v>145</v>
      </c>
      <c r="B20" s="48"/>
    </row>
    <row r="21" spans="1:2" ht="15.9" customHeight="1" x14ac:dyDescent="0.45">
      <c r="A21" s="1" t="s">
        <v>144</v>
      </c>
      <c r="B21" s="48"/>
    </row>
    <row r="22" spans="1:2" ht="15.9" customHeight="1" x14ac:dyDescent="0.45">
      <c r="A22" s="1" t="s">
        <v>143</v>
      </c>
      <c r="B22" s="48"/>
    </row>
    <row r="23" spans="1:2" ht="15.9" customHeight="1" x14ac:dyDescent="0.45">
      <c r="A23" s="46" t="s">
        <v>196</v>
      </c>
      <c r="B23" s="48"/>
    </row>
    <row r="24" spans="1:2" ht="15.9" customHeight="1" x14ac:dyDescent="0.45">
      <c r="A24" s="46" t="s">
        <v>142</v>
      </c>
      <c r="B24" s="48"/>
    </row>
    <row r="25" spans="1:2" ht="15.9" customHeight="1" x14ac:dyDescent="0.45">
      <c r="A25" s="46" t="s">
        <v>197</v>
      </c>
      <c r="B25" s="48"/>
    </row>
    <row r="26" spans="1:2" ht="15.9" customHeight="1" x14ac:dyDescent="0.45">
      <c r="A26" s="46" t="s">
        <v>3</v>
      </c>
      <c r="B26" s="48"/>
    </row>
    <row r="27" spans="1:2" ht="15.9" customHeight="1" x14ac:dyDescent="0.45">
      <c r="A27" s="46" t="s">
        <v>141</v>
      </c>
      <c r="B27" s="48"/>
    </row>
    <row r="28" spans="1:2" ht="15.9" customHeight="1" x14ac:dyDescent="0.45">
      <c r="A28" s="46" t="s">
        <v>198</v>
      </c>
      <c r="B28" s="48"/>
    </row>
    <row r="29" spans="1:2" ht="15.9" customHeight="1" x14ac:dyDescent="0.45">
      <c r="A29" s="46" t="s">
        <v>2</v>
      </c>
      <c r="B29" s="48"/>
    </row>
    <row r="30" spans="1:2" ht="15.9" customHeight="1" x14ac:dyDescent="0.45">
      <c r="A30" s="46" t="s">
        <v>140</v>
      </c>
      <c r="B30" s="48"/>
    </row>
    <row r="31" spans="1:2" ht="15.9" customHeight="1" x14ac:dyDescent="0.45">
      <c r="A31" s="46" t="s">
        <v>139</v>
      </c>
      <c r="B31" s="48"/>
    </row>
    <row r="32" spans="1:2" ht="15.9" customHeight="1" x14ac:dyDescent="0.45">
      <c r="A32" s="46" t="s">
        <v>138</v>
      </c>
      <c r="B32" s="48"/>
    </row>
    <row r="33" spans="1:2" ht="15.9" customHeight="1" x14ac:dyDescent="0.45">
      <c r="A33" s="46" t="s">
        <v>199</v>
      </c>
      <c r="B33" s="48"/>
    </row>
    <row r="34" spans="1:2" ht="15.9" customHeight="1" x14ac:dyDescent="0.45">
      <c r="A34" s="46" t="s">
        <v>200</v>
      </c>
      <c r="B34" s="48"/>
    </row>
    <row r="35" spans="1:2" ht="15.9" customHeight="1" x14ac:dyDescent="0.45">
      <c r="A35" s="46" t="s">
        <v>137</v>
      </c>
      <c r="B35" s="48"/>
    </row>
    <row r="36" spans="1:2" ht="15.9" customHeight="1" x14ac:dyDescent="0.45">
      <c r="A36" s="46" t="s">
        <v>1</v>
      </c>
      <c r="B36" s="48"/>
    </row>
    <row r="37" spans="1:2" ht="15.9" customHeight="1" x14ac:dyDescent="0.45">
      <c r="A37" s="46" t="s">
        <v>136</v>
      </c>
      <c r="B37" s="48"/>
    </row>
    <row r="38" spans="1:2" ht="15.9" customHeight="1" x14ac:dyDescent="0.45">
      <c r="A38" s="46" t="s">
        <v>135</v>
      </c>
      <c r="B38" s="48"/>
    </row>
    <row r="39" spans="1:2" ht="15.9" customHeight="1" x14ac:dyDescent="0.45">
      <c r="A39" s="46" t="s">
        <v>134</v>
      </c>
      <c r="B39" s="48"/>
    </row>
    <row r="40" spans="1:2" ht="15.9" customHeight="1" x14ac:dyDescent="0.45">
      <c r="A40" s="46" t="s">
        <v>0</v>
      </c>
      <c r="B40" s="48"/>
    </row>
    <row r="41" spans="1:2" ht="15.9" customHeight="1" x14ac:dyDescent="0.45">
      <c r="A41" s="46" t="s">
        <v>133</v>
      </c>
      <c r="B41" s="48"/>
    </row>
    <row r="42" spans="1:2" ht="15.9" customHeight="1" x14ac:dyDescent="0.45">
      <c r="A42" s="46" t="s">
        <v>132</v>
      </c>
      <c r="B42" s="48"/>
    </row>
    <row r="43" spans="1:2" ht="15.9" customHeight="1" x14ac:dyDescent="0.45">
      <c r="A43" s="46" t="s">
        <v>131</v>
      </c>
      <c r="B43" s="48"/>
    </row>
    <row r="44" spans="1:2" ht="15.9" customHeight="1" x14ac:dyDescent="0.45">
      <c r="A44" s="46" t="s">
        <v>11</v>
      </c>
      <c r="B44" s="48"/>
    </row>
    <row r="45" spans="1:2" ht="15.9" customHeight="1" x14ac:dyDescent="0.45">
      <c r="A45" s="46" t="s">
        <v>10</v>
      </c>
      <c r="B45" s="48"/>
    </row>
    <row r="46" spans="1:2" ht="15.9" customHeight="1" x14ac:dyDescent="0.45">
      <c r="A46" s="46" t="s">
        <v>130</v>
      </c>
      <c r="B46" s="48"/>
    </row>
    <row r="47" spans="1:2" ht="15.9" customHeight="1" x14ac:dyDescent="0.45">
      <c r="A47" s="46" t="s">
        <v>129</v>
      </c>
      <c r="B47" s="48"/>
    </row>
    <row r="48" spans="1:2" ht="15.9" customHeight="1" x14ac:dyDescent="0.45">
      <c r="A48" s="46" t="s">
        <v>128</v>
      </c>
      <c r="B48" s="48"/>
    </row>
    <row r="49" spans="1:2" ht="15.9" customHeight="1" x14ac:dyDescent="0.45">
      <c r="A49" s="46" t="s">
        <v>191</v>
      </c>
      <c r="B49" s="48"/>
    </row>
    <row r="50" spans="1:2" ht="15.9" customHeight="1" x14ac:dyDescent="0.45">
      <c r="A50" s="46" t="s">
        <v>190</v>
      </c>
      <c r="B50" s="48"/>
    </row>
    <row r="51" spans="1:2" ht="16.5" customHeight="1" x14ac:dyDescent="0.45">
      <c r="A51" s="46"/>
      <c r="B51" s="48"/>
    </row>
    <row r="52" spans="1:2" ht="16.5" customHeight="1" x14ac:dyDescent="0.45">
      <c r="A52" s="46"/>
    </row>
  </sheetData>
  <mergeCells count="1">
    <mergeCell ref="A1:O1"/>
  </mergeCells>
  <phoneticPr fontId="1"/>
  <pageMargins left="0.78740157480314965" right="0.19685039370078741" top="0.59055118110236227" bottom="0.47244094488188981" header="0.19685039370078741" footer="0.19685039370078741"/>
  <pageSetup paperSize="9" scale="93" orientation="portrait" horizontalDpi="4294967293" r:id="rId1"/>
  <headerFooter scaleWithDoc="0"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FF00"/>
    <pageSetUpPr fitToPage="1"/>
  </sheetPr>
  <dimension ref="A1:F51"/>
  <sheetViews>
    <sheetView showGridLines="0" zoomScaleNormal="100" zoomScaleSheetLayoutView="100" workbookViewId="0">
      <selection activeCell="U24" sqref="U24"/>
    </sheetView>
  </sheetViews>
  <sheetFormatPr defaultColWidth="5.59765625" defaultRowHeight="16.5" customHeight="1" x14ac:dyDescent="0.45"/>
  <cols>
    <col min="1" max="15" width="5.59765625" style="1"/>
    <col min="16" max="16" width="4.296875" style="1" customWidth="1"/>
    <col min="17" max="16384" width="5.59765625" style="1"/>
  </cols>
  <sheetData>
    <row r="1" spans="1:6" ht="15.9" customHeight="1" x14ac:dyDescent="0.45">
      <c r="A1" s="46" t="s">
        <v>189</v>
      </c>
      <c r="B1" s="48"/>
      <c r="F1" s="1" t="s">
        <v>201</v>
      </c>
    </row>
    <row r="2" spans="1:6" ht="15.9" customHeight="1" x14ac:dyDescent="0.45">
      <c r="A2" s="46" t="s">
        <v>202</v>
      </c>
      <c r="B2" s="48"/>
      <c r="F2" s="1" t="s">
        <v>188</v>
      </c>
    </row>
    <row r="3" spans="1:6" ht="15.9" customHeight="1" x14ac:dyDescent="0.45">
      <c r="A3" s="46" t="s">
        <v>203</v>
      </c>
      <c r="B3" s="48"/>
    </row>
    <row r="4" spans="1:6" ht="15.9" customHeight="1" x14ac:dyDescent="0.45">
      <c r="A4" s="46" t="s">
        <v>9</v>
      </c>
      <c r="B4" s="48"/>
    </row>
    <row r="5" spans="1:6" ht="15.9" customHeight="1" x14ac:dyDescent="0.45">
      <c r="A5" s="46" t="s">
        <v>187</v>
      </c>
      <c r="B5" s="48"/>
    </row>
    <row r="6" spans="1:6" ht="15.9" customHeight="1" x14ac:dyDescent="0.45">
      <c r="A6" s="46" t="s">
        <v>186</v>
      </c>
      <c r="B6" s="48"/>
    </row>
    <row r="7" spans="1:6" ht="15.9" customHeight="1" x14ac:dyDescent="0.45">
      <c r="A7" s="46" t="s">
        <v>185</v>
      </c>
      <c r="B7" s="48"/>
    </row>
    <row r="8" spans="1:6" ht="15.9" customHeight="1" x14ac:dyDescent="0.45">
      <c r="A8" s="46" t="s">
        <v>204</v>
      </c>
      <c r="B8" s="48"/>
    </row>
    <row r="9" spans="1:6" ht="15.9" customHeight="1" x14ac:dyDescent="0.45">
      <c r="A9" s="46" t="s">
        <v>184</v>
      </c>
      <c r="B9" s="48"/>
    </row>
    <row r="10" spans="1:6" ht="15.9" customHeight="1" x14ac:dyDescent="0.45">
      <c r="A10" s="46" t="s">
        <v>183</v>
      </c>
      <c r="B10" s="48"/>
    </row>
    <row r="11" spans="1:6" ht="15.9" customHeight="1" x14ac:dyDescent="0.45">
      <c r="A11" s="46" t="s">
        <v>182</v>
      </c>
      <c r="B11" s="48"/>
    </row>
    <row r="12" spans="1:6" ht="15.9" customHeight="1" x14ac:dyDescent="0.45">
      <c r="A12" s="46" t="s">
        <v>205</v>
      </c>
      <c r="B12" s="48"/>
    </row>
    <row r="13" spans="1:6" ht="15.9" customHeight="1" x14ac:dyDescent="0.45">
      <c r="A13" s="46" t="s">
        <v>181</v>
      </c>
      <c r="B13" s="48"/>
    </row>
    <row r="14" spans="1:6" ht="15.9" customHeight="1" x14ac:dyDescent="0.45">
      <c r="A14" s="46" t="s">
        <v>180</v>
      </c>
      <c r="B14" s="48"/>
    </row>
    <row r="15" spans="1:6" ht="15.9" customHeight="1" x14ac:dyDescent="0.45">
      <c r="A15" s="46" t="s">
        <v>179</v>
      </c>
      <c r="B15" s="48"/>
    </row>
    <row r="16" spans="1:6" ht="15.9" customHeight="1" x14ac:dyDescent="0.45">
      <c r="A16" s="46" t="s">
        <v>178</v>
      </c>
      <c r="B16" s="48"/>
    </row>
    <row r="17" spans="1:2" ht="15.9" customHeight="1" x14ac:dyDescent="0.45">
      <c r="A17" s="46" t="s">
        <v>177</v>
      </c>
      <c r="B17" s="48"/>
    </row>
    <row r="18" spans="1:2" ht="15.9" customHeight="1" x14ac:dyDescent="0.45">
      <c r="A18" s="46" t="s">
        <v>206</v>
      </c>
      <c r="B18" s="48"/>
    </row>
    <row r="19" spans="1:2" ht="15.9" customHeight="1" x14ac:dyDescent="0.45">
      <c r="A19" s="46" t="s">
        <v>176</v>
      </c>
      <c r="B19" s="48"/>
    </row>
    <row r="20" spans="1:2" ht="15.9" customHeight="1" x14ac:dyDescent="0.45">
      <c r="A20" s="46" t="s">
        <v>172</v>
      </c>
      <c r="B20" s="48"/>
    </row>
    <row r="21" spans="1:2" ht="15.9" customHeight="1" x14ac:dyDescent="0.45">
      <c r="A21" s="47" t="s">
        <v>171</v>
      </c>
      <c r="B21" s="46" t="s">
        <v>175</v>
      </c>
    </row>
    <row r="22" spans="1:2" ht="15.9" customHeight="1" x14ac:dyDescent="0.45">
      <c r="A22" s="47" t="s">
        <v>169</v>
      </c>
      <c r="B22" s="46" t="s">
        <v>174</v>
      </c>
    </row>
    <row r="23" spans="1:2" ht="15.9" customHeight="1" x14ac:dyDescent="0.45">
      <c r="A23" s="47" t="s">
        <v>207</v>
      </c>
      <c r="B23" s="46" t="s">
        <v>208</v>
      </c>
    </row>
    <row r="24" spans="1:2" ht="15.9" customHeight="1" x14ac:dyDescent="0.45">
      <c r="A24" s="46" t="s">
        <v>173</v>
      </c>
      <c r="B24" s="48"/>
    </row>
    <row r="25" spans="1:2" ht="15.9" customHeight="1" x14ac:dyDescent="0.45">
      <c r="A25" s="46" t="s">
        <v>172</v>
      </c>
      <c r="B25" s="48"/>
    </row>
    <row r="26" spans="1:2" ht="15.9" customHeight="1" x14ac:dyDescent="0.45">
      <c r="A26" s="47" t="s">
        <v>171</v>
      </c>
      <c r="B26" s="46" t="s">
        <v>170</v>
      </c>
    </row>
    <row r="27" spans="1:2" ht="15.9" customHeight="1" x14ac:dyDescent="0.45">
      <c r="A27" s="47" t="s">
        <v>169</v>
      </c>
      <c r="B27" s="46" t="s">
        <v>168</v>
      </c>
    </row>
    <row r="28" spans="1:2" ht="15.9" customHeight="1" x14ac:dyDescent="0.45">
      <c r="A28" s="47" t="s">
        <v>167</v>
      </c>
      <c r="B28" s="46" t="s">
        <v>166</v>
      </c>
    </row>
    <row r="29" spans="1:2" ht="15.9" customHeight="1" x14ac:dyDescent="0.45">
      <c r="A29" s="46"/>
      <c r="B29" s="46" t="s">
        <v>209</v>
      </c>
    </row>
    <row r="30" spans="1:2" ht="15.9" customHeight="1" x14ac:dyDescent="0.45">
      <c r="A30" s="46" t="s">
        <v>210</v>
      </c>
      <c r="B30" s="48"/>
    </row>
    <row r="31" spans="1:2" ht="15.9" customHeight="1" x14ac:dyDescent="0.45">
      <c r="A31" s="46" t="s">
        <v>211</v>
      </c>
      <c r="B31" s="48"/>
    </row>
    <row r="32" spans="1:2" ht="15.9" customHeight="1" x14ac:dyDescent="0.45">
      <c r="A32" s="46" t="s">
        <v>165</v>
      </c>
      <c r="B32" s="48"/>
    </row>
    <row r="33" spans="1:2" ht="15.9" customHeight="1" x14ac:dyDescent="0.45">
      <c r="A33" s="46" t="s">
        <v>164</v>
      </c>
    </row>
    <row r="34" spans="1:2" ht="15.9" customHeight="1" x14ac:dyDescent="0.45">
      <c r="A34" s="46" t="s">
        <v>8</v>
      </c>
      <c r="B34" s="48"/>
    </row>
    <row r="35" spans="1:2" ht="15.9" customHeight="1" x14ac:dyDescent="0.45">
      <c r="A35" s="46" t="s">
        <v>163</v>
      </c>
      <c r="B35" s="48"/>
    </row>
    <row r="36" spans="1:2" ht="15.9" customHeight="1" x14ac:dyDescent="0.45">
      <c r="A36" s="46" t="s">
        <v>162</v>
      </c>
      <c r="B36" s="48"/>
    </row>
    <row r="37" spans="1:2" ht="15.9" customHeight="1" x14ac:dyDescent="0.45">
      <c r="A37" s="46" t="s">
        <v>161</v>
      </c>
      <c r="B37" s="48"/>
    </row>
    <row r="38" spans="1:2" ht="15.9" customHeight="1" x14ac:dyDescent="0.45">
      <c r="A38" s="46" t="s">
        <v>7</v>
      </c>
      <c r="B38" s="48"/>
    </row>
    <row r="39" spans="1:2" ht="15.9" customHeight="1" x14ac:dyDescent="0.45">
      <c r="A39" s="46" t="s">
        <v>6</v>
      </c>
      <c r="B39" s="48"/>
    </row>
    <row r="40" spans="1:2" ht="15.9" customHeight="1" x14ac:dyDescent="0.45">
      <c r="A40" s="46" t="s">
        <v>5</v>
      </c>
      <c r="B40" s="48"/>
    </row>
    <row r="41" spans="1:2" ht="15.9" customHeight="1" x14ac:dyDescent="0.45">
      <c r="A41" s="46" t="s">
        <v>212</v>
      </c>
      <c r="B41" s="48"/>
    </row>
    <row r="42" spans="1:2" ht="15.9" customHeight="1" x14ac:dyDescent="0.45">
      <c r="A42" s="46" t="s">
        <v>213</v>
      </c>
      <c r="B42" s="48"/>
    </row>
    <row r="43" spans="1:2" ht="15.9" customHeight="1" x14ac:dyDescent="0.45">
      <c r="A43" s="46" t="s">
        <v>160</v>
      </c>
      <c r="B43" s="48"/>
    </row>
    <row r="44" spans="1:2" ht="15.9" customHeight="1" x14ac:dyDescent="0.45">
      <c r="A44" s="46" t="s">
        <v>214</v>
      </c>
      <c r="B44" s="48"/>
    </row>
    <row r="45" spans="1:2" ht="15.9" customHeight="1" x14ac:dyDescent="0.45">
      <c r="A45" s="46" t="s">
        <v>215</v>
      </c>
      <c r="B45" s="48"/>
    </row>
    <row r="46" spans="1:2" ht="15.9" customHeight="1" x14ac:dyDescent="0.45">
      <c r="A46" s="46" t="s">
        <v>216</v>
      </c>
      <c r="B46" s="48"/>
    </row>
    <row r="47" spans="1:2" ht="15.9" customHeight="1" x14ac:dyDescent="0.45">
      <c r="A47" s="46" t="s">
        <v>159</v>
      </c>
      <c r="B47" s="48"/>
    </row>
    <row r="48" spans="1:2" ht="15.9" customHeight="1" x14ac:dyDescent="0.45">
      <c r="A48" s="46" t="s">
        <v>158</v>
      </c>
      <c r="B48" s="48"/>
    </row>
    <row r="49" spans="1:2" ht="15.9" customHeight="1" x14ac:dyDescent="0.45">
      <c r="A49" s="46" t="s">
        <v>217</v>
      </c>
      <c r="B49" s="48"/>
    </row>
    <row r="50" spans="1:2" ht="15.9" customHeight="1" x14ac:dyDescent="0.45">
      <c r="A50" s="46" t="s">
        <v>218</v>
      </c>
      <c r="B50" s="48"/>
    </row>
    <row r="51" spans="1:2" ht="16.5" customHeight="1" x14ac:dyDescent="0.45">
      <c r="A51" s="46"/>
    </row>
  </sheetData>
  <phoneticPr fontId="1"/>
  <pageMargins left="0.78740157480314965" right="0.19685039370078741" top="0.59055118110236227" bottom="0.47244094488188981" header="0.19685039370078741" footer="0.19685039370078741"/>
  <pageSetup paperSize="9" scale="93" orientation="portrait" horizontalDpi="4294967293" r:id="rId1"/>
  <headerFooter scaleWithDoc="0" alignWithMargins="0"/>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00FF00"/>
    <pageSetUpPr fitToPage="1"/>
  </sheetPr>
  <dimension ref="A1:AU47"/>
  <sheetViews>
    <sheetView showGridLines="0" zoomScale="92" zoomScaleNormal="92" zoomScaleSheetLayoutView="100" workbookViewId="0">
      <selection activeCell="R8" sqref="R8:R9"/>
    </sheetView>
  </sheetViews>
  <sheetFormatPr defaultRowHeight="15" x14ac:dyDescent="0.3"/>
  <cols>
    <col min="1" max="1" width="12.5" style="4" customWidth="1"/>
    <col min="2" max="2" width="3.3984375" style="4" customWidth="1"/>
    <col min="3" max="8" width="9" style="3"/>
    <col min="9" max="13" width="3.3984375" style="3" customWidth="1"/>
    <col min="14" max="14" width="2.19921875" style="3" customWidth="1"/>
    <col min="15" max="15" width="3" style="3" customWidth="1"/>
    <col min="16" max="16" width="5" style="3" customWidth="1"/>
    <col min="17" max="253" width="9" style="3"/>
    <col min="254" max="254" width="0" style="3" hidden="1" customWidth="1"/>
    <col min="255" max="255" width="0.69921875" style="3" customWidth="1"/>
    <col min="256" max="256" width="1.8984375" style="3" customWidth="1"/>
    <col min="257" max="257" width="12.5" style="3" customWidth="1"/>
    <col min="258" max="258" width="3.3984375" style="3" customWidth="1"/>
    <col min="259" max="264" width="9" style="3"/>
    <col min="265" max="269" width="3.3984375" style="3" customWidth="1"/>
    <col min="270" max="270" width="2.19921875" style="3" customWidth="1"/>
    <col min="271" max="271" width="2.09765625" style="3" customWidth="1"/>
    <col min="272" max="272" width="5" style="3" customWidth="1"/>
    <col min="273" max="509" width="9" style="3"/>
    <col min="510" max="510" width="0" style="3" hidden="1" customWidth="1"/>
    <col min="511" max="511" width="0.69921875" style="3" customWidth="1"/>
    <col min="512" max="512" width="1.8984375" style="3" customWidth="1"/>
    <col min="513" max="513" width="12.5" style="3" customWidth="1"/>
    <col min="514" max="514" width="3.3984375" style="3" customWidth="1"/>
    <col min="515" max="520" width="9" style="3"/>
    <col min="521" max="525" width="3.3984375" style="3" customWidth="1"/>
    <col min="526" max="526" width="2.19921875" style="3" customWidth="1"/>
    <col min="527" max="527" width="2.09765625" style="3" customWidth="1"/>
    <col min="528" max="528" width="5" style="3" customWidth="1"/>
    <col min="529" max="765" width="9" style="3"/>
    <col min="766" max="766" width="0" style="3" hidden="1" customWidth="1"/>
    <col min="767" max="767" width="0.69921875" style="3" customWidth="1"/>
    <col min="768" max="768" width="1.8984375" style="3" customWidth="1"/>
    <col min="769" max="769" width="12.5" style="3" customWidth="1"/>
    <col min="770" max="770" width="3.3984375" style="3" customWidth="1"/>
    <col min="771" max="776" width="9" style="3"/>
    <col min="777" max="781" width="3.3984375" style="3" customWidth="1"/>
    <col min="782" max="782" width="2.19921875" style="3" customWidth="1"/>
    <col min="783" max="783" width="2.09765625" style="3" customWidth="1"/>
    <col min="784" max="784" width="5" style="3" customWidth="1"/>
    <col min="785" max="1021" width="9" style="3"/>
    <col min="1022" max="1022" width="0" style="3" hidden="1" customWidth="1"/>
    <col min="1023" max="1023" width="0.69921875" style="3" customWidth="1"/>
    <col min="1024" max="1024" width="1.8984375" style="3" customWidth="1"/>
    <col min="1025" max="1025" width="12.5" style="3" customWidth="1"/>
    <col min="1026" max="1026" width="3.3984375" style="3" customWidth="1"/>
    <col min="1027" max="1032" width="9" style="3"/>
    <col min="1033" max="1037" width="3.3984375" style="3" customWidth="1"/>
    <col min="1038" max="1038" width="2.19921875" style="3" customWidth="1"/>
    <col min="1039" max="1039" width="2.09765625" style="3" customWidth="1"/>
    <col min="1040" max="1040" width="5" style="3" customWidth="1"/>
    <col min="1041" max="1277" width="9" style="3"/>
    <col min="1278" max="1278" width="0" style="3" hidden="1" customWidth="1"/>
    <col min="1279" max="1279" width="0.69921875" style="3" customWidth="1"/>
    <col min="1280" max="1280" width="1.8984375" style="3" customWidth="1"/>
    <col min="1281" max="1281" width="12.5" style="3" customWidth="1"/>
    <col min="1282" max="1282" width="3.3984375" style="3" customWidth="1"/>
    <col min="1283" max="1288" width="9" style="3"/>
    <col min="1289" max="1293" width="3.3984375" style="3" customWidth="1"/>
    <col min="1294" max="1294" width="2.19921875" style="3" customWidth="1"/>
    <col min="1295" max="1295" width="2.09765625" style="3" customWidth="1"/>
    <col min="1296" max="1296" width="5" style="3" customWidth="1"/>
    <col min="1297" max="1533" width="9" style="3"/>
    <col min="1534" max="1534" width="0" style="3" hidden="1" customWidth="1"/>
    <col min="1535" max="1535" width="0.69921875" style="3" customWidth="1"/>
    <col min="1536" max="1536" width="1.8984375" style="3" customWidth="1"/>
    <col min="1537" max="1537" width="12.5" style="3" customWidth="1"/>
    <col min="1538" max="1538" width="3.3984375" style="3" customWidth="1"/>
    <col min="1539" max="1544" width="9" style="3"/>
    <col min="1545" max="1549" width="3.3984375" style="3" customWidth="1"/>
    <col min="1550" max="1550" width="2.19921875" style="3" customWidth="1"/>
    <col min="1551" max="1551" width="2.09765625" style="3" customWidth="1"/>
    <col min="1552" max="1552" width="5" style="3" customWidth="1"/>
    <col min="1553" max="1789" width="9" style="3"/>
    <col min="1790" max="1790" width="0" style="3" hidden="1" customWidth="1"/>
    <col min="1791" max="1791" width="0.69921875" style="3" customWidth="1"/>
    <col min="1792" max="1792" width="1.8984375" style="3" customWidth="1"/>
    <col min="1793" max="1793" width="12.5" style="3" customWidth="1"/>
    <col min="1794" max="1794" width="3.3984375" style="3" customWidth="1"/>
    <col min="1795" max="1800" width="9" style="3"/>
    <col min="1801" max="1805" width="3.3984375" style="3" customWidth="1"/>
    <col min="1806" max="1806" width="2.19921875" style="3" customWidth="1"/>
    <col min="1807" max="1807" width="2.09765625" style="3" customWidth="1"/>
    <col min="1808" max="1808" width="5" style="3" customWidth="1"/>
    <col min="1809" max="2045" width="9" style="3"/>
    <col min="2046" max="2046" width="0" style="3" hidden="1" customWidth="1"/>
    <col min="2047" max="2047" width="0.69921875" style="3" customWidth="1"/>
    <col min="2048" max="2048" width="1.8984375" style="3" customWidth="1"/>
    <col min="2049" max="2049" width="12.5" style="3" customWidth="1"/>
    <col min="2050" max="2050" width="3.3984375" style="3" customWidth="1"/>
    <col min="2051" max="2056" width="9" style="3"/>
    <col min="2057" max="2061" width="3.3984375" style="3" customWidth="1"/>
    <col min="2062" max="2062" width="2.19921875" style="3" customWidth="1"/>
    <col min="2063" max="2063" width="2.09765625" style="3" customWidth="1"/>
    <col min="2064" max="2064" width="5" style="3" customWidth="1"/>
    <col min="2065" max="2301" width="9" style="3"/>
    <col min="2302" max="2302" width="0" style="3" hidden="1" customWidth="1"/>
    <col min="2303" max="2303" width="0.69921875" style="3" customWidth="1"/>
    <col min="2304" max="2304" width="1.8984375" style="3" customWidth="1"/>
    <col min="2305" max="2305" width="12.5" style="3" customWidth="1"/>
    <col min="2306" max="2306" width="3.3984375" style="3" customWidth="1"/>
    <col min="2307" max="2312" width="9" style="3"/>
    <col min="2313" max="2317" width="3.3984375" style="3" customWidth="1"/>
    <col min="2318" max="2318" width="2.19921875" style="3" customWidth="1"/>
    <col min="2319" max="2319" width="2.09765625" style="3" customWidth="1"/>
    <col min="2320" max="2320" width="5" style="3" customWidth="1"/>
    <col min="2321" max="2557" width="9" style="3"/>
    <col min="2558" max="2558" width="0" style="3" hidden="1" customWidth="1"/>
    <col min="2559" max="2559" width="0.69921875" style="3" customWidth="1"/>
    <col min="2560" max="2560" width="1.8984375" style="3" customWidth="1"/>
    <col min="2561" max="2561" width="12.5" style="3" customWidth="1"/>
    <col min="2562" max="2562" width="3.3984375" style="3" customWidth="1"/>
    <col min="2563" max="2568" width="9" style="3"/>
    <col min="2569" max="2573" width="3.3984375" style="3" customWidth="1"/>
    <col min="2574" max="2574" width="2.19921875" style="3" customWidth="1"/>
    <col min="2575" max="2575" width="2.09765625" style="3" customWidth="1"/>
    <col min="2576" max="2576" width="5" style="3" customWidth="1"/>
    <col min="2577" max="2813" width="9" style="3"/>
    <col min="2814" max="2814" width="0" style="3" hidden="1" customWidth="1"/>
    <col min="2815" max="2815" width="0.69921875" style="3" customWidth="1"/>
    <col min="2816" max="2816" width="1.8984375" style="3" customWidth="1"/>
    <col min="2817" max="2817" width="12.5" style="3" customWidth="1"/>
    <col min="2818" max="2818" width="3.3984375" style="3" customWidth="1"/>
    <col min="2819" max="2824" width="9" style="3"/>
    <col min="2825" max="2829" width="3.3984375" style="3" customWidth="1"/>
    <col min="2830" max="2830" width="2.19921875" style="3" customWidth="1"/>
    <col min="2831" max="2831" width="2.09765625" style="3" customWidth="1"/>
    <col min="2832" max="2832" width="5" style="3" customWidth="1"/>
    <col min="2833" max="3069" width="9" style="3"/>
    <col min="3070" max="3070" width="0" style="3" hidden="1" customWidth="1"/>
    <col min="3071" max="3071" width="0.69921875" style="3" customWidth="1"/>
    <col min="3072" max="3072" width="1.8984375" style="3" customWidth="1"/>
    <col min="3073" max="3073" width="12.5" style="3" customWidth="1"/>
    <col min="3074" max="3074" width="3.3984375" style="3" customWidth="1"/>
    <col min="3075" max="3080" width="9" style="3"/>
    <col min="3081" max="3085" width="3.3984375" style="3" customWidth="1"/>
    <col min="3086" max="3086" width="2.19921875" style="3" customWidth="1"/>
    <col min="3087" max="3087" width="2.09765625" style="3" customWidth="1"/>
    <col min="3088" max="3088" width="5" style="3" customWidth="1"/>
    <col min="3089" max="3325" width="9" style="3"/>
    <col min="3326" max="3326" width="0" style="3" hidden="1" customWidth="1"/>
    <col min="3327" max="3327" width="0.69921875" style="3" customWidth="1"/>
    <col min="3328" max="3328" width="1.8984375" style="3" customWidth="1"/>
    <col min="3329" max="3329" width="12.5" style="3" customWidth="1"/>
    <col min="3330" max="3330" width="3.3984375" style="3" customWidth="1"/>
    <col min="3331" max="3336" width="9" style="3"/>
    <col min="3337" max="3341" width="3.3984375" style="3" customWidth="1"/>
    <col min="3342" max="3342" width="2.19921875" style="3" customWidth="1"/>
    <col min="3343" max="3343" width="2.09765625" style="3" customWidth="1"/>
    <col min="3344" max="3344" width="5" style="3" customWidth="1"/>
    <col min="3345" max="3581" width="9" style="3"/>
    <col min="3582" max="3582" width="0" style="3" hidden="1" customWidth="1"/>
    <col min="3583" max="3583" width="0.69921875" style="3" customWidth="1"/>
    <col min="3584" max="3584" width="1.8984375" style="3" customWidth="1"/>
    <col min="3585" max="3585" width="12.5" style="3" customWidth="1"/>
    <col min="3586" max="3586" width="3.3984375" style="3" customWidth="1"/>
    <col min="3587" max="3592" width="9" style="3"/>
    <col min="3593" max="3597" width="3.3984375" style="3" customWidth="1"/>
    <col min="3598" max="3598" width="2.19921875" style="3" customWidth="1"/>
    <col min="3599" max="3599" width="2.09765625" style="3" customWidth="1"/>
    <col min="3600" max="3600" width="5" style="3" customWidth="1"/>
    <col min="3601" max="3837" width="9" style="3"/>
    <col min="3838" max="3838" width="0" style="3" hidden="1" customWidth="1"/>
    <col min="3839" max="3839" width="0.69921875" style="3" customWidth="1"/>
    <col min="3840" max="3840" width="1.8984375" style="3" customWidth="1"/>
    <col min="3841" max="3841" width="12.5" style="3" customWidth="1"/>
    <col min="3842" max="3842" width="3.3984375" style="3" customWidth="1"/>
    <col min="3843" max="3848" width="9" style="3"/>
    <col min="3849" max="3853" width="3.3984375" style="3" customWidth="1"/>
    <col min="3854" max="3854" width="2.19921875" style="3" customWidth="1"/>
    <col min="3855" max="3855" width="2.09765625" style="3" customWidth="1"/>
    <col min="3856" max="3856" width="5" style="3" customWidth="1"/>
    <col min="3857" max="4093" width="9" style="3"/>
    <col min="4094" max="4094" width="0" style="3" hidden="1" customWidth="1"/>
    <col min="4095" max="4095" width="0.69921875" style="3" customWidth="1"/>
    <col min="4096" max="4096" width="1.8984375" style="3" customWidth="1"/>
    <col min="4097" max="4097" width="12.5" style="3" customWidth="1"/>
    <col min="4098" max="4098" width="3.3984375" style="3" customWidth="1"/>
    <col min="4099" max="4104" width="9" style="3"/>
    <col min="4105" max="4109" width="3.3984375" style="3" customWidth="1"/>
    <col min="4110" max="4110" width="2.19921875" style="3" customWidth="1"/>
    <col min="4111" max="4111" width="2.09765625" style="3" customWidth="1"/>
    <col min="4112" max="4112" width="5" style="3" customWidth="1"/>
    <col min="4113" max="4349" width="9" style="3"/>
    <col min="4350" max="4350" width="0" style="3" hidden="1" customWidth="1"/>
    <col min="4351" max="4351" width="0.69921875" style="3" customWidth="1"/>
    <col min="4352" max="4352" width="1.8984375" style="3" customWidth="1"/>
    <col min="4353" max="4353" width="12.5" style="3" customWidth="1"/>
    <col min="4354" max="4354" width="3.3984375" style="3" customWidth="1"/>
    <col min="4355" max="4360" width="9" style="3"/>
    <col min="4361" max="4365" width="3.3984375" style="3" customWidth="1"/>
    <col min="4366" max="4366" width="2.19921875" style="3" customWidth="1"/>
    <col min="4367" max="4367" width="2.09765625" style="3" customWidth="1"/>
    <col min="4368" max="4368" width="5" style="3" customWidth="1"/>
    <col min="4369" max="4605" width="9" style="3"/>
    <col min="4606" max="4606" width="0" style="3" hidden="1" customWidth="1"/>
    <col min="4607" max="4607" width="0.69921875" style="3" customWidth="1"/>
    <col min="4608" max="4608" width="1.8984375" style="3" customWidth="1"/>
    <col min="4609" max="4609" width="12.5" style="3" customWidth="1"/>
    <col min="4610" max="4610" width="3.3984375" style="3" customWidth="1"/>
    <col min="4611" max="4616" width="9" style="3"/>
    <col min="4617" max="4621" width="3.3984375" style="3" customWidth="1"/>
    <col min="4622" max="4622" width="2.19921875" style="3" customWidth="1"/>
    <col min="4623" max="4623" width="2.09765625" style="3" customWidth="1"/>
    <col min="4624" max="4624" width="5" style="3" customWidth="1"/>
    <col min="4625" max="4861" width="9" style="3"/>
    <col min="4862" max="4862" width="0" style="3" hidden="1" customWidth="1"/>
    <col min="4863" max="4863" width="0.69921875" style="3" customWidth="1"/>
    <col min="4864" max="4864" width="1.8984375" style="3" customWidth="1"/>
    <col min="4865" max="4865" width="12.5" style="3" customWidth="1"/>
    <col min="4866" max="4866" width="3.3984375" style="3" customWidth="1"/>
    <col min="4867" max="4872" width="9" style="3"/>
    <col min="4873" max="4877" width="3.3984375" style="3" customWidth="1"/>
    <col min="4878" max="4878" width="2.19921875" style="3" customWidth="1"/>
    <col min="4879" max="4879" width="2.09765625" style="3" customWidth="1"/>
    <col min="4880" max="4880" width="5" style="3" customWidth="1"/>
    <col min="4881" max="5117" width="9" style="3"/>
    <col min="5118" max="5118" width="0" style="3" hidden="1" customWidth="1"/>
    <col min="5119" max="5119" width="0.69921875" style="3" customWidth="1"/>
    <col min="5120" max="5120" width="1.8984375" style="3" customWidth="1"/>
    <col min="5121" max="5121" width="12.5" style="3" customWidth="1"/>
    <col min="5122" max="5122" width="3.3984375" style="3" customWidth="1"/>
    <col min="5123" max="5128" width="9" style="3"/>
    <col min="5129" max="5133" width="3.3984375" style="3" customWidth="1"/>
    <col min="5134" max="5134" width="2.19921875" style="3" customWidth="1"/>
    <col min="5135" max="5135" width="2.09765625" style="3" customWidth="1"/>
    <col min="5136" max="5136" width="5" style="3" customWidth="1"/>
    <col min="5137" max="5373" width="9" style="3"/>
    <col min="5374" max="5374" width="0" style="3" hidden="1" customWidth="1"/>
    <col min="5375" max="5375" width="0.69921875" style="3" customWidth="1"/>
    <col min="5376" max="5376" width="1.8984375" style="3" customWidth="1"/>
    <col min="5377" max="5377" width="12.5" style="3" customWidth="1"/>
    <col min="5378" max="5378" width="3.3984375" style="3" customWidth="1"/>
    <col min="5379" max="5384" width="9" style="3"/>
    <col min="5385" max="5389" width="3.3984375" style="3" customWidth="1"/>
    <col min="5390" max="5390" width="2.19921875" style="3" customWidth="1"/>
    <col min="5391" max="5391" width="2.09765625" style="3" customWidth="1"/>
    <col min="5392" max="5392" width="5" style="3" customWidth="1"/>
    <col min="5393" max="5629" width="9" style="3"/>
    <col min="5630" max="5630" width="0" style="3" hidden="1" customWidth="1"/>
    <col min="5631" max="5631" width="0.69921875" style="3" customWidth="1"/>
    <col min="5632" max="5632" width="1.8984375" style="3" customWidth="1"/>
    <col min="5633" max="5633" width="12.5" style="3" customWidth="1"/>
    <col min="5634" max="5634" width="3.3984375" style="3" customWidth="1"/>
    <col min="5635" max="5640" width="9" style="3"/>
    <col min="5641" max="5645" width="3.3984375" style="3" customWidth="1"/>
    <col min="5646" max="5646" width="2.19921875" style="3" customWidth="1"/>
    <col min="5647" max="5647" width="2.09765625" style="3" customWidth="1"/>
    <col min="5648" max="5648" width="5" style="3" customWidth="1"/>
    <col min="5649" max="5885" width="9" style="3"/>
    <col min="5886" max="5886" width="0" style="3" hidden="1" customWidth="1"/>
    <col min="5887" max="5887" width="0.69921875" style="3" customWidth="1"/>
    <col min="5888" max="5888" width="1.8984375" style="3" customWidth="1"/>
    <col min="5889" max="5889" width="12.5" style="3" customWidth="1"/>
    <col min="5890" max="5890" width="3.3984375" style="3" customWidth="1"/>
    <col min="5891" max="5896" width="9" style="3"/>
    <col min="5897" max="5901" width="3.3984375" style="3" customWidth="1"/>
    <col min="5902" max="5902" width="2.19921875" style="3" customWidth="1"/>
    <col min="5903" max="5903" width="2.09765625" style="3" customWidth="1"/>
    <col min="5904" max="5904" width="5" style="3" customWidth="1"/>
    <col min="5905" max="6141" width="9" style="3"/>
    <col min="6142" max="6142" width="0" style="3" hidden="1" customWidth="1"/>
    <col min="6143" max="6143" width="0.69921875" style="3" customWidth="1"/>
    <col min="6144" max="6144" width="1.8984375" style="3" customWidth="1"/>
    <col min="6145" max="6145" width="12.5" style="3" customWidth="1"/>
    <col min="6146" max="6146" width="3.3984375" style="3" customWidth="1"/>
    <col min="6147" max="6152" width="9" style="3"/>
    <col min="6153" max="6157" width="3.3984375" style="3" customWidth="1"/>
    <col min="6158" max="6158" width="2.19921875" style="3" customWidth="1"/>
    <col min="6159" max="6159" width="2.09765625" style="3" customWidth="1"/>
    <col min="6160" max="6160" width="5" style="3" customWidth="1"/>
    <col min="6161" max="6397" width="9" style="3"/>
    <col min="6398" max="6398" width="0" style="3" hidden="1" customWidth="1"/>
    <col min="6399" max="6399" width="0.69921875" style="3" customWidth="1"/>
    <col min="6400" max="6400" width="1.8984375" style="3" customWidth="1"/>
    <col min="6401" max="6401" width="12.5" style="3" customWidth="1"/>
    <col min="6402" max="6402" width="3.3984375" style="3" customWidth="1"/>
    <col min="6403" max="6408" width="9" style="3"/>
    <col min="6409" max="6413" width="3.3984375" style="3" customWidth="1"/>
    <col min="6414" max="6414" width="2.19921875" style="3" customWidth="1"/>
    <col min="6415" max="6415" width="2.09765625" style="3" customWidth="1"/>
    <col min="6416" max="6416" width="5" style="3" customWidth="1"/>
    <col min="6417" max="6653" width="9" style="3"/>
    <col min="6654" max="6654" width="0" style="3" hidden="1" customWidth="1"/>
    <col min="6655" max="6655" width="0.69921875" style="3" customWidth="1"/>
    <col min="6656" max="6656" width="1.8984375" style="3" customWidth="1"/>
    <col min="6657" max="6657" width="12.5" style="3" customWidth="1"/>
    <col min="6658" max="6658" width="3.3984375" style="3" customWidth="1"/>
    <col min="6659" max="6664" width="9" style="3"/>
    <col min="6665" max="6669" width="3.3984375" style="3" customWidth="1"/>
    <col min="6670" max="6670" width="2.19921875" style="3" customWidth="1"/>
    <col min="6671" max="6671" width="2.09765625" style="3" customWidth="1"/>
    <col min="6672" max="6672" width="5" style="3" customWidth="1"/>
    <col min="6673" max="6909" width="9" style="3"/>
    <col min="6910" max="6910" width="0" style="3" hidden="1" customWidth="1"/>
    <col min="6911" max="6911" width="0.69921875" style="3" customWidth="1"/>
    <col min="6912" max="6912" width="1.8984375" style="3" customWidth="1"/>
    <col min="6913" max="6913" width="12.5" style="3" customWidth="1"/>
    <col min="6914" max="6914" width="3.3984375" style="3" customWidth="1"/>
    <col min="6915" max="6920" width="9" style="3"/>
    <col min="6921" max="6925" width="3.3984375" style="3" customWidth="1"/>
    <col min="6926" max="6926" width="2.19921875" style="3" customWidth="1"/>
    <col min="6927" max="6927" width="2.09765625" style="3" customWidth="1"/>
    <col min="6928" max="6928" width="5" style="3" customWidth="1"/>
    <col min="6929" max="7165" width="9" style="3"/>
    <col min="7166" max="7166" width="0" style="3" hidden="1" customWidth="1"/>
    <col min="7167" max="7167" width="0.69921875" style="3" customWidth="1"/>
    <col min="7168" max="7168" width="1.8984375" style="3" customWidth="1"/>
    <col min="7169" max="7169" width="12.5" style="3" customWidth="1"/>
    <col min="7170" max="7170" width="3.3984375" style="3" customWidth="1"/>
    <col min="7171" max="7176" width="9" style="3"/>
    <col min="7177" max="7181" width="3.3984375" style="3" customWidth="1"/>
    <col min="7182" max="7182" width="2.19921875" style="3" customWidth="1"/>
    <col min="7183" max="7183" width="2.09765625" style="3" customWidth="1"/>
    <col min="7184" max="7184" width="5" style="3" customWidth="1"/>
    <col min="7185" max="7421" width="9" style="3"/>
    <col min="7422" max="7422" width="0" style="3" hidden="1" customWidth="1"/>
    <col min="7423" max="7423" width="0.69921875" style="3" customWidth="1"/>
    <col min="7424" max="7424" width="1.8984375" style="3" customWidth="1"/>
    <col min="7425" max="7425" width="12.5" style="3" customWidth="1"/>
    <col min="7426" max="7426" width="3.3984375" style="3" customWidth="1"/>
    <col min="7427" max="7432" width="9" style="3"/>
    <col min="7433" max="7437" width="3.3984375" style="3" customWidth="1"/>
    <col min="7438" max="7438" width="2.19921875" style="3" customWidth="1"/>
    <col min="7439" max="7439" width="2.09765625" style="3" customWidth="1"/>
    <col min="7440" max="7440" width="5" style="3" customWidth="1"/>
    <col min="7441" max="7677" width="9" style="3"/>
    <col min="7678" max="7678" width="0" style="3" hidden="1" customWidth="1"/>
    <col min="7679" max="7679" width="0.69921875" style="3" customWidth="1"/>
    <col min="7680" max="7680" width="1.8984375" style="3" customWidth="1"/>
    <col min="7681" max="7681" width="12.5" style="3" customWidth="1"/>
    <col min="7682" max="7682" width="3.3984375" style="3" customWidth="1"/>
    <col min="7683" max="7688" width="9" style="3"/>
    <col min="7689" max="7693" width="3.3984375" style="3" customWidth="1"/>
    <col min="7694" max="7694" width="2.19921875" style="3" customWidth="1"/>
    <col min="7695" max="7695" width="2.09765625" style="3" customWidth="1"/>
    <col min="7696" max="7696" width="5" style="3" customWidth="1"/>
    <col min="7697" max="7933" width="9" style="3"/>
    <col min="7934" max="7934" width="0" style="3" hidden="1" customWidth="1"/>
    <col min="7935" max="7935" width="0.69921875" style="3" customWidth="1"/>
    <col min="7936" max="7936" width="1.8984375" style="3" customWidth="1"/>
    <col min="7937" max="7937" width="12.5" style="3" customWidth="1"/>
    <col min="7938" max="7938" width="3.3984375" style="3" customWidth="1"/>
    <col min="7939" max="7944" width="9" style="3"/>
    <col min="7945" max="7949" width="3.3984375" style="3" customWidth="1"/>
    <col min="7950" max="7950" width="2.19921875" style="3" customWidth="1"/>
    <col min="7951" max="7951" width="2.09765625" style="3" customWidth="1"/>
    <col min="7952" max="7952" width="5" style="3" customWidth="1"/>
    <col min="7953" max="8189" width="9" style="3"/>
    <col min="8190" max="8190" width="0" style="3" hidden="1" customWidth="1"/>
    <col min="8191" max="8191" width="0.69921875" style="3" customWidth="1"/>
    <col min="8192" max="8192" width="1.8984375" style="3" customWidth="1"/>
    <col min="8193" max="8193" width="12.5" style="3" customWidth="1"/>
    <col min="8194" max="8194" width="3.3984375" style="3" customWidth="1"/>
    <col min="8195" max="8200" width="9" style="3"/>
    <col min="8201" max="8205" width="3.3984375" style="3" customWidth="1"/>
    <col min="8206" max="8206" width="2.19921875" style="3" customWidth="1"/>
    <col min="8207" max="8207" width="2.09765625" style="3" customWidth="1"/>
    <col min="8208" max="8208" width="5" style="3" customWidth="1"/>
    <col min="8209" max="8445" width="9" style="3"/>
    <col min="8446" max="8446" width="0" style="3" hidden="1" customWidth="1"/>
    <col min="8447" max="8447" width="0.69921875" style="3" customWidth="1"/>
    <col min="8448" max="8448" width="1.8984375" style="3" customWidth="1"/>
    <col min="8449" max="8449" width="12.5" style="3" customWidth="1"/>
    <col min="8450" max="8450" width="3.3984375" style="3" customWidth="1"/>
    <col min="8451" max="8456" width="9" style="3"/>
    <col min="8457" max="8461" width="3.3984375" style="3" customWidth="1"/>
    <col min="8462" max="8462" width="2.19921875" style="3" customWidth="1"/>
    <col min="8463" max="8463" width="2.09765625" style="3" customWidth="1"/>
    <col min="8464" max="8464" width="5" style="3" customWidth="1"/>
    <col min="8465" max="8701" width="9" style="3"/>
    <col min="8702" max="8702" width="0" style="3" hidden="1" customWidth="1"/>
    <col min="8703" max="8703" width="0.69921875" style="3" customWidth="1"/>
    <col min="8704" max="8704" width="1.8984375" style="3" customWidth="1"/>
    <col min="8705" max="8705" width="12.5" style="3" customWidth="1"/>
    <col min="8706" max="8706" width="3.3984375" style="3" customWidth="1"/>
    <col min="8707" max="8712" width="9" style="3"/>
    <col min="8713" max="8717" width="3.3984375" style="3" customWidth="1"/>
    <col min="8718" max="8718" width="2.19921875" style="3" customWidth="1"/>
    <col min="8719" max="8719" width="2.09765625" style="3" customWidth="1"/>
    <col min="8720" max="8720" width="5" style="3" customWidth="1"/>
    <col min="8721" max="8957" width="9" style="3"/>
    <col min="8958" max="8958" width="0" style="3" hidden="1" customWidth="1"/>
    <col min="8959" max="8959" width="0.69921875" style="3" customWidth="1"/>
    <col min="8960" max="8960" width="1.8984375" style="3" customWidth="1"/>
    <col min="8961" max="8961" width="12.5" style="3" customWidth="1"/>
    <col min="8962" max="8962" width="3.3984375" style="3" customWidth="1"/>
    <col min="8963" max="8968" width="9" style="3"/>
    <col min="8969" max="8973" width="3.3984375" style="3" customWidth="1"/>
    <col min="8974" max="8974" width="2.19921875" style="3" customWidth="1"/>
    <col min="8975" max="8975" width="2.09765625" style="3" customWidth="1"/>
    <col min="8976" max="8976" width="5" style="3" customWidth="1"/>
    <col min="8977" max="9213" width="9" style="3"/>
    <col min="9214" max="9214" width="0" style="3" hidden="1" customWidth="1"/>
    <col min="9215" max="9215" width="0.69921875" style="3" customWidth="1"/>
    <col min="9216" max="9216" width="1.8984375" style="3" customWidth="1"/>
    <col min="9217" max="9217" width="12.5" style="3" customWidth="1"/>
    <col min="9218" max="9218" width="3.3984375" style="3" customWidth="1"/>
    <col min="9219" max="9224" width="9" style="3"/>
    <col min="9225" max="9229" width="3.3984375" style="3" customWidth="1"/>
    <col min="9230" max="9230" width="2.19921875" style="3" customWidth="1"/>
    <col min="9231" max="9231" width="2.09765625" style="3" customWidth="1"/>
    <col min="9232" max="9232" width="5" style="3" customWidth="1"/>
    <col min="9233" max="9469" width="9" style="3"/>
    <col min="9470" max="9470" width="0" style="3" hidden="1" customWidth="1"/>
    <col min="9471" max="9471" width="0.69921875" style="3" customWidth="1"/>
    <col min="9472" max="9472" width="1.8984375" style="3" customWidth="1"/>
    <col min="9473" max="9473" width="12.5" style="3" customWidth="1"/>
    <col min="9474" max="9474" width="3.3984375" style="3" customWidth="1"/>
    <col min="9475" max="9480" width="9" style="3"/>
    <col min="9481" max="9485" width="3.3984375" style="3" customWidth="1"/>
    <col min="9486" max="9486" width="2.19921875" style="3" customWidth="1"/>
    <col min="9487" max="9487" width="2.09765625" style="3" customWidth="1"/>
    <col min="9488" max="9488" width="5" style="3" customWidth="1"/>
    <col min="9489" max="9725" width="9" style="3"/>
    <col min="9726" max="9726" width="0" style="3" hidden="1" customWidth="1"/>
    <col min="9727" max="9727" width="0.69921875" style="3" customWidth="1"/>
    <col min="9728" max="9728" width="1.8984375" style="3" customWidth="1"/>
    <col min="9729" max="9729" width="12.5" style="3" customWidth="1"/>
    <col min="9730" max="9730" width="3.3984375" style="3" customWidth="1"/>
    <col min="9731" max="9736" width="9" style="3"/>
    <col min="9737" max="9741" width="3.3984375" style="3" customWidth="1"/>
    <col min="9742" max="9742" width="2.19921875" style="3" customWidth="1"/>
    <col min="9743" max="9743" width="2.09765625" style="3" customWidth="1"/>
    <col min="9744" max="9744" width="5" style="3" customWidth="1"/>
    <col min="9745" max="9981" width="9" style="3"/>
    <col min="9982" max="9982" width="0" style="3" hidden="1" customWidth="1"/>
    <col min="9983" max="9983" width="0.69921875" style="3" customWidth="1"/>
    <col min="9984" max="9984" width="1.8984375" style="3" customWidth="1"/>
    <col min="9985" max="9985" width="12.5" style="3" customWidth="1"/>
    <col min="9986" max="9986" width="3.3984375" style="3" customWidth="1"/>
    <col min="9987" max="9992" width="9" style="3"/>
    <col min="9993" max="9997" width="3.3984375" style="3" customWidth="1"/>
    <col min="9998" max="9998" width="2.19921875" style="3" customWidth="1"/>
    <col min="9999" max="9999" width="2.09765625" style="3" customWidth="1"/>
    <col min="10000" max="10000" width="5" style="3" customWidth="1"/>
    <col min="10001" max="10237" width="9" style="3"/>
    <col min="10238" max="10238" width="0" style="3" hidden="1" customWidth="1"/>
    <col min="10239" max="10239" width="0.69921875" style="3" customWidth="1"/>
    <col min="10240" max="10240" width="1.8984375" style="3" customWidth="1"/>
    <col min="10241" max="10241" width="12.5" style="3" customWidth="1"/>
    <col min="10242" max="10242" width="3.3984375" style="3" customWidth="1"/>
    <col min="10243" max="10248" width="9" style="3"/>
    <col min="10249" max="10253" width="3.3984375" style="3" customWidth="1"/>
    <col min="10254" max="10254" width="2.19921875" style="3" customWidth="1"/>
    <col min="10255" max="10255" width="2.09765625" style="3" customWidth="1"/>
    <col min="10256" max="10256" width="5" style="3" customWidth="1"/>
    <col min="10257" max="10493" width="9" style="3"/>
    <col min="10494" max="10494" width="0" style="3" hidden="1" customWidth="1"/>
    <col min="10495" max="10495" width="0.69921875" style="3" customWidth="1"/>
    <col min="10496" max="10496" width="1.8984375" style="3" customWidth="1"/>
    <col min="10497" max="10497" width="12.5" style="3" customWidth="1"/>
    <col min="10498" max="10498" width="3.3984375" style="3" customWidth="1"/>
    <col min="10499" max="10504" width="9" style="3"/>
    <col min="10505" max="10509" width="3.3984375" style="3" customWidth="1"/>
    <col min="10510" max="10510" width="2.19921875" style="3" customWidth="1"/>
    <col min="10511" max="10511" width="2.09765625" style="3" customWidth="1"/>
    <col min="10512" max="10512" width="5" style="3" customWidth="1"/>
    <col min="10513" max="10749" width="9" style="3"/>
    <col min="10750" max="10750" width="0" style="3" hidden="1" customWidth="1"/>
    <col min="10751" max="10751" width="0.69921875" style="3" customWidth="1"/>
    <col min="10752" max="10752" width="1.8984375" style="3" customWidth="1"/>
    <col min="10753" max="10753" width="12.5" style="3" customWidth="1"/>
    <col min="10754" max="10754" width="3.3984375" style="3" customWidth="1"/>
    <col min="10755" max="10760" width="9" style="3"/>
    <col min="10761" max="10765" width="3.3984375" style="3" customWidth="1"/>
    <col min="10766" max="10766" width="2.19921875" style="3" customWidth="1"/>
    <col min="10767" max="10767" width="2.09765625" style="3" customWidth="1"/>
    <col min="10768" max="10768" width="5" style="3" customWidth="1"/>
    <col min="10769" max="11005" width="9" style="3"/>
    <col min="11006" max="11006" width="0" style="3" hidden="1" customWidth="1"/>
    <col min="11007" max="11007" width="0.69921875" style="3" customWidth="1"/>
    <col min="11008" max="11008" width="1.8984375" style="3" customWidth="1"/>
    <col min="11009" max="11009" width="12.5" style="3" customWidth="1"/>
    <col min="11010" max="11010" width="3.3984375" style="3" customWidth="1"/>
    <col min="11011" max="11016" width="9" style="3"/>
    <col min="11017" max="11021" width="3.3984375" style="3" customWidth="1"/>
    <col min="11022" max="11022" width="2.19921875" style="3" customWidth="1"/>
    <col min="11023" max="11023" width="2.09765625" style="3" customWidth="1"/>
    <col min="11024" max="11024" width="5" style="3" customWidth="1"/>
    <col min="11025" max="11261" width="9" style="3"/>
    <col min="11262" max="11262" width="0" style="3" hidden="1" customWidth="1"/>
    <col min="11263" max="11263" width="0.69921875" style="3" customWidth="1"/>
    <col min="11264" max="11264" width="1.8984375" style="3" customWidth="1"/>
    <col min="11265" max="11265" width="12.5" style="3" customWidth="1"/>
    <col min="11266" max="11266" width="3.3984375" style="3" customWidth="1"/>
    <col min="11267" max="11272" width="9" style="3"/>
    <col min="11273" max="11277" width="3.3984375" style="3" customWidth="1"/>
    <col min="11278" max="11278" width="2.19921875" style="3" customWidth="1"/>
    <col min="11279" max="11279" width="2.09765625" style="3" customWidth="1"/>
    <col min="11280" max="11280" width="5" style="3" customWidth="1"/>
    <col min="11281" max="11517" width="9" style="3"/>
    <col min="11518" max="11518" width="0" style="3" hidden="1" customWidth="1"/>
    <col min="11519" max="11519" width="0.69921875" style="3" customWidth="1"/>
    <col min="11520" max="11520" width="1.8984375" style="3" customWidth="1"/>
    <col min="11521" max="11521" width="12.5" style="3" customWidth="1"/>
    <col min="11522" max="11522" width="3.3984375" style="3" customWidth="1"/>
    <col min="11523" max="11528" width="9" style="3"/>
    <col min="11529" max="11533" width="3.3984375" style="3" customWidth="1"/>
    <col min="11534" max="11534" width="2.19921875" style="3" customWidth="1"/>
    <col min="11535" max="11535" width="2.09765625" style="3" customWidth="1"/>
    <col min="11536" max="11536" width="5" style="3" customWidth="1"/>
    <col min="11537" max="11773" width="9" style="3"/>
    <col min="11774" max="11774" width="0" style="3" hidden="1" customWidth="1"/>
    <col min="11775" max="11775" width="0.69921875" style="3" customWidth="1"/>
    <col min="11776" max="11776" width="1.8984375" style="3" customWidth="1"/>
    <col min="11777" max="11777" width="12.5" style="3" customWidth="1"/>
    <col min="11778" max="11778" width="3.3984375" style="3" customWidth="1"/>
    <col min="11779" max="11784" width="9" style="3"/>
    <col min="11785" max="11789" width="3.3984375" style="3" customWidth="1"/>
    <col min="11790" max="11790" width="2.19921875" style="3" customWidth="1"/>
    <col min="11791" max="11791" width="2.09765625" style="3" customWidth="1"/>
    <col min="11792" max="11792" width="5" style="3" customWidth="1"/>
    <col min="11793" max="12029" width="9" style="3"/>
    <col min="12030" max="12030" width="0" style="3" hidden="1" customWidth="1"/>
    <col min="12031" max="12031" width="0.69921875" style="3" customWidth="1"/>
    <col min="12032" max="12032" width="1.8984375" style="3" customWidth="1"/>
    <col min="12033" max="12033" width="12.5" style="3" customWidth="1"/>
    <col min="12034" max="12034" width="3.3984375" style="3" customWidth="1"/>
    <col min="12035" max="12040" width="9" style="3"/>
    <col min="12041" max="12045" width="3.3984375" style="3" customWidth="1"/>
    <col min="12046" max="12046" width="2.19921875" style="3" customWidth="1"/>
    <col min="12047" max="12047" width="2.09765625" style="3" customWidth="1"/>
    <col min="12048" max="12048" width="5" style="3" customWidth="1"/>
    <col min="12049" max="12285" width="9" style="3"/>
    <col min="12286" max="12286" width="0" style="3" hidden="1" customWidth="1"/>
    <col min="12287" max="12287" width="0.69921875" style="3" customWidth="1"/>
    <col min="12288" max="12288" width="1.8984375" style="3" customWidth="1"/>
    <col min="12289" max="12289" width="12.5" style="3" customWidth="1"/>
    <col min="12290" max="12290" width="3.3984375" style="3" customWidth="1"/>
    <col min="12291" max="12296" width="9" style="3"/>
    <col min="12297" max="12301" width="3.3984375" style="3" customWidth="1"/>
    <col min="12302" max="12302" width="2.19921875" style="3" customWidth="1"/>
    <col min="12303" max="12303" width="2.09765625" style="3" customWidth="1"/>
    <col min="12304" max="12304" width="5" style="3" customWidth="1"/>
    <col min="12305" max="12541" width="9" style="3"/>
    <col min="12542" max="12542" width="0" style="3" hidden="1" customWidth="1"/>
    <col min="12543" max="12543" width="0.69921875" style="3" customWidth="1"/>
    <col min="12544" max="12544" width="1.8984375" style="3" customWidth="1"/>
    <col min="12545" max="12545" width="12.5" style="3" customWidth="1"/>
    <col min="12546" max="12546" width="3.3984375" style="3" customWidth="1"/>
    <col min="12547" max="12552" width="9" style="3"/>
    <col min="12553" max="12557" width="3.3984375" style="3" customWidth="1"/>
    <col min="12558" max="12558" width="2.19921875" style="3" customWidth="1"/>
    <col min="12559" max="12559" width="2.09765625" style="3" customWidth="1"/>
    <col min="12560" max="12560" width="5" style="3" customWidth="1"/>
    <col min="12561" max="12797" width="9" style="3"/>
    <col min="12798" max="12798" width="0" style="3" hidden="1" customWidth="1"/>
    <col min="12799" max="12799" width="0.69921875" style="3" customWidth="1"/>
    <col min="12800" max="12800" width="1.8984375" style="3" customWidth="1"/>
    <col min="12801" max="12801" width="12.5" style="3" customWidth="1"/>
    <col min="12802" max="12802" width="3.3984375" style="3" customWidth="1"/>
    <col min="12803" max="12808" width="9" style="3"/>
    <col min="12809" max="12813" width="3.3984375" style="3" customWidth="1"/>
    <col min="12814" max="12814" width="2.19921875" style="3" customWidth="1"/>
    <col min="12815" max="12815" width="2.09765625" style="3" customWidth="1"/>
    <col min="12816" max="12816" width="5" style="3" customWidth="1"/>
    <col min="12817" max="13053" width="9" style="3"/>
    <col min="13054" max="13054" width="0" style="3" hidden="1" customWidth="1"/>
    <col min="13055" max="13055" width="0.69921875" style="3" customWidth="1"/>
    <col min="13056" max="13056" width="1.8984375" style="3" customWidth="1"/>
    <col min="13057" max="13057" width="12.5" style="3" customWidth="1"/>
    <col min="13058" max="13058" width="3.3984375" style="3" customWidth="1"/>
    <col min="13059" max="13064" width="9" style="3"/>
    <col min="13065" max="13069" width="3.3984375" style="3" customWidth="1"/>
    <col min="13070" max="13070" width="2.19921875" style="3" customWidth="1"/>
    <col min="13071" max="13071" width="2.09765625" style="3" customWidth="1"/>
    <col min="13072" max="13072" width="5" style="3" customWidth="1"/>
    <col min="13073" max="13309" width="9" style="3"/>
    <col min="13310" max="13310" width="0" style="3" hidden="1" customWidth="1"/>
    <col min="13311" max="13311" width="0.69921875" style="3" customWidth="1"/>
    <col min="13312" max="13312" width="1.8984375" style="3" customWidth="1"/>
    <col min="13313" max="13313" width="12.5" style="3" customWidth="1"/>
    <col min="13314" max="13314" width="3.3984375" style="3" customWidth="1"/>
    <col min="13315" max="13320" width="9" style="3"/>
    <col min="13321" max="13325" width="3.3984375" style="3" customWidth="1"/>
    <col min="13326" max="13326" width="2.19921875" style="3" customWidth="1"/>
    <col min="13327" max="13327" width="2.09765625" style="3" customWidth="1"/>
    <col min="13328" max="13328" width="5" style="3" customWidth="1"/>
    <col min="13329" max="13565" width="9" style="3"/>
    <col min="13566" max="13566" width="0" style="3" hidden="1" customWidth="1"/>
    <col min="13567" max="13567" width="0.69921875" style="3" customWidth="1"/>
    <col min="13568" max="13568" width="1.8984375" style="3" customWidth="1"/>
    <col min="13569" max="13569" width="12.5" style="3" customWidth="1"/>
    <col min="13570" max="13570" width="3.3984375" style="3" customWidth="1"/>
    <col min="13571" max="13576" width="9" style="3"/>
    <col min="13577" max="13581" width="3.3984375" style="3" customWidth="1"/>
    <col min="13582" max="13582" width="2.19921875" style="3" customWidth="1"/>
    <col min="13583" max="13583" width="2.09765625" style="3" customWidth="1"/>
    <col min="13584" max="13584" width="5" style="3" customWidth="1"/>
    <col min="13585" max="13821" width="9" style="3"/>
    <col min="13822" max="13822" width="0" style="3" hidden="1" customWidth="1"/>
    <col min="13823" max="13823" width="0.69921875" style="3" customWidth="1"/>
    <col min="13824" max="13824" width="1.8984375" style="3" customWidth="1"/>
    <col min="13825" max="13825" width="12.5" style="3" customWidth="1"/>
    <col min="13826" max="13826" width="3.3984375" style="3" customWidth="1"/>
    <col min="13827" max="13832" width="9" style="3"/>
    <col min="13833" max="13837" width="3.3984375" style="3" customWidth="1"/>
    <col min="13838" max="13838" width="2.19921875" style="3" customWidth="1"/>
    <col min="13839" max="13839" width="2.09765625" style="3" customWidth="1"/>
    <col min="13840" max="13840" width="5" style="3" customWidth="1"/>
    <col min="13841" max="14077" width="9" style="3"/>
    <col min="14078" max="14078" width="0" style="3" hidden="1" customWidth="1"/>
    <col min="14079" max="14079" width="0.69921875" style="3" customWidth="1"/>
    <col min="14080" max="14080" width="1.8984375" style="3" customWidth="1"/>
    <col min="14081" max="14081" width="12.5" style="3" customWidth="1"/>
    <col min="14082" max="14082" width="3.3984375" style="3" customWidth="1"/>
    <col min="14083" max="14088" width="9" style="3"/>
    <col min="14089" max="14093" width="3.3984375" style="3" customWidth="1"/>
    <col min="14094" max="14094" width="2.19921875" style="3" customWidth="1"/>
    <col min="14095" max="14095" width="2.09765625" style="3" customWidth="1"/>
    <col min="14096" max="14096" width="5" style="3" customWidth="1"/>
    <col min="14097" max="14333" width="9" style="3"/>
    <col min="14334" max="14334" width="0" style="3" hidden="1" customWidth="1"/>
    <col min="14335" max="14335" width="0.69921875" style="3" customWidth="1"/>
    <col min="14336" max="14336" width="1.8984375" style="3" customWidth="1"/>
    <col min="14337" max="14337" width="12.5" style="3" customWidth="1"/>
    <col min="14338" max="14338" width="3.3984375" style="3" customWidth="1"/>
    <col min="14339" max="14344" width="9" style="3"/>
    <col min="14345" max="14349" width="3.3984375" style="3" customWidth="1"/>
    <col min="14350" max="14350" width="2.19921875" style="3" customWidth="1"/>
    <col min="14351" max="14351" width="2.09765625" style="3" customWidth="1"/>
    <col min="14352" max="14352" width="5" style="3" customWidth="1"/>
    <col min="14353" max="14589" width="9" style="3"/>
    <col min="14590" max="14590" width="0" style="3" hidden="1" customWidth="1"/>
    <col min="14591" max="14591" width="0.69921875" style="3" customWidth="1"/>
    <col min="14592" max="14592" width="1.8984375" style="3" customWidth="1"/>
    <col min="14593" max="14593" width="12.5" style="3" customWidth="1"/>
    <col min="14594" max="14594" width="3.3984375" style="3" customWidth="1"/>
    <col min="14595" max="14600" width="9" style="3"/>
    <col min="14601" max="14605" width="3.3984375" style="3" customWidth="1"/>
    <col min="14606" max="14606" width="2.19921875" style="3" customWidth="1"/>
    <col min="14607" max="14607" width="2.09765625" style="3" customWidth="1"/>
    <col min="14608" max="14608" width="5" style="3" customWidth="1"/>
    <col min="14609" max="14845" width="9" style="3"/>
    <col min="14846" max="14846" width="0" style="3" hidden="1" customWidth="1"/>
    <col min="14847" max="14847" width="0.69921875" style="3" customWidth="1"/>
    <col min="14848" max="14848" width="1.8984375" style="3" customWidth="1"/>
    <col min="14849" max="14849" width="12.5" style="3" customWidth="1"/>
    <col min="14850" max="14850" width="3.3984375" style="3" customWidth="1"/>
    <col min="14851" max="14856" width="9" style="3"/>
    <col min="14857" max="14861" width="3.3984375" style="3" customWidth="1"/>
    <col min="14862" max="14862" width="2.19921875" style="3" customWidth="1"/>
    <col min="14863" max="14863" width="2.09765625" style="3" customWidth="1"/>
    <col min="14864" max="14864" width="5" style="3" customWidth="1"/>
    <col min="14865" max="15101" width="9" style="3"/>
    <col min="15102" max="15102" width="0" style="3" hidden="1" customWidth="1"/>
    <col min="15103" max="15103" width="0.69921875" style="3" customWidth="1"/>
    <col min="15104" max="15104" width="1.8984375" style="3" customWidth="1"/>
    <col min="15105" max="15105" width="12.5" style="3" customWidth="1"/>
    <col min="15106" max="15106" width="3.3984375" style="3" customWidth="1"/>
    <col min="15107" max="15112" width="9" style="3"/>
    <col min="15113" max="15117" width="3.3984375" style="3" customWidth="1"/>
    <col min="15118" max="15118" width="2.19921875" style="3" customWidth="1"/>
    <col min="15119" max="15119" width="2.09765625" style="3" customWidth="1"/>
    <col min="15120" max="15120" width="5" style="3" customWidth="1"/>
    <col min="15121" max="15357" width="9" style="3"/>
    <col min="15358" max="15358" width="0" style="3" hidden="1" customWidth="1"/>
    <col min="15359" max="15359" width="0.69921875" style="3" customWidth="1"/>
    <col min="15360" max="15360" width="1.8984375" style="3" customWidth="1"/>
    <col min="15361" max="15361" width="12.5" style="3" customWidth="1"/>
    <col min="15362" max="15362" width="3.3984375" style="3" customWidth="1"/>
    <col min="15363" max="15368" width="9" style="3"/>
    <col min="15369" max="15373" width="3.3984375" style="3" customWidth="1"/>
    <col min="15374" max="15374" width="2.19921875" style="3" customWidth="1"/>
    <col min="15375" max="15375" width="2.09765625" style="3" customWidth="1"/>
    <col min="15376" max="15376" width="5" style="3" customWidth="1"/>
    <col min="15377" max="15613" width="9" style="3"/>
    <col min="15614" max="15614" width="0" style="3" hidden="1" customWidth="1"/>
    <col min="15615" max="15615" width="0.69921875" style="3" customWidth="1"/>
    <col min="15616" max="15616" width="1.8984375" style="3" customWidth="1"/>
    <col min="15617" max="15617" width="12.5" style="3" customWidth="1"/>
    <col min="15618" max="15618" width="3.3984375" style="3" customWidth="1"/>
    <col min="15619" max="15624" width="9" style="3"/>
    <col min="15625" max="15629" width="3.3984375" style="3" customWidth="1"/>
    <col min="15630" max="15630" width="2.19921875" style="3" customWidth="1"/>
    <col min="15631" max="15631" width="2.09765625" style="3" customWidth="1"/>
    <col min="15632" max="15632" width="5" style="3" customWidth="1"/>
    <col min="15633" max="15869" width="9" style="3"/>
    <col min="15870" max="15870" width="0" style="3" hidden="1" customWidth="1"/>
    <col min="15871" max="15871" width="0.69921875" style="3" customWidth="1"/>
    <col min="15872" max="15872" width="1.8984375" style="3" customWidth="1"/>
    <col min="15873" max="15873" width="12.5" style="3" customWidth="1"/>
    <col min="15874" max="15874" width="3.3984375" style="3" customWidth="1"/>
    <col min="15875" max="15880" width="9" style="3"/>
    <col min="15881" max="15885" width="3.3984375" style="3" customWidth="1"/>
    <col min="15886" max="15886" width="2.19921875" style="3" customWidth="1"/>
    <col min="15887" max="15887" width="2.09765625" style="3" customWidth="1"/>
    <col min="15888" max="15888" width="5" style="3" customWidth="1"/>
    <col min="15889" max="16125" width="9" style="3"/>
    <col min="16126" max="16126" width="0" style="3" hidden="1" customWidth="1"/>
    <col min="16127" max="16127" width="0.69921875" style="3" customWidth="1"/>
    <col min="16128" max="16128" width="1.8984375" style="3" customWidth="1"/>
    <col min="16129" max="16129" width="12.5" style="3" customWidth="1"/>
    <col min="16130" max="16130" width="3.3984375" style="3" customWidth="1"/>
    <col min="16131" max="16136" width="9" style="3"/>
    <col min="16137" max="16141" width="3.3984375" style="3" customWidth="1"/>
    <col min="16142" max="16142" width="2.19921875" style="3" customWidth="1"/>
    <col min="16143" max="16143" width="2.09765625" style="3" customWidth="1"/>
    <col min="16144" max="16144" width="5" style="3" customWidth="1"/>
    <col min="16145" max="16384" width="9" style="3"/>
  </cols>
  <sheetData>
    <row r="1" spans="1:15" ht="27" customHeight="1" x14ac:dyDescent="0.3">
      <c r="A1" s="55" t="s">
        <v>233</v>
      </c>
      <c r="B1" s="55"/>
      <c r="C1" s="55"/>
      <c r="D1" s="55"/>
      <c r="E1" s="55"/>
      <c r="F1" s="55"/>
      <c r="G1" s="55"/>
      <c r="H1" s="55"/>
      <c r="I1" s="55"/>
      <c r="J1" s="55"/>
      <c r="K1" s="55"/>
      <c r="L1" s="55"/>
      <c r="M1" s="55"/>
      <c r="N1" s="55"/>
      <c r="O1" s="55"/>
    </row>
    <row r="2" spans="1:15" ht="9" customHeight="1" x14ac:dyDescent="0.3">
      <c r="A2" s="8"/>
      <c r="B2" s="8"/>
      <c r="C2" s="8"/>
      <c r="D2" s="8"/>
      <c r="E2" s="8"/>
      <c r="F2" s="8"/>
      <c r="G2" s="8"/>
      <c r="H2" s="8"/>
      <c r="I2" s="8"/>
      <c r="J2" s="8"/>
      <c r="K2" s="8"/>
      <c r="L2" s="8"/>
      <c r="M2" s="8"/>
      <c r="N2" s="7"/>
      <c r="O2" s="7"/>
    </row>
    <row r="3" spans="1:15" ht="18.149999999999999" customHeight="1" x14ac:dyDescent="0.3">
      <c r="A3" s="5" t="s">
        <v>26</v>
      </c>
      <c r="C3" s="56" t="s">
        <v>231</v>
      </c>
      <c r="D3" s="56"/>
      <c r="E3" s="56"/>
      <c r="F3" s="56"/>
      <c r="G3" s="56"/>
      <c r="H3" s="56"/>
      <c r="I3" s="56"/>
      <c r="J3" s="56"/>
      <c r="K3" s="56"/>
      <c r="L3" s="56"/>
      <c r="M3" s="56"/>
      <c r="N3" s="56"/>
      <c r="O3" s="56"/>
    </row>
    <row r="4" spans="1:15" ht="18.149999999999999" customHeight="1" x14ac:dyDescent="0.3">
      <c r="C4" s="56"/>
      <c r="D4" s="56"/>
      <c r="E4" s="56"/>
      <c r="F4" s="56"/>
      <c r="G4" s="56"/>
      <c r="H4" s="56"/>
      <c r="I4" s="56"/>
      <c r="J4" s="56"/>
      <c r="K4" s="56"/>
      <c r="L4" s="56"/>
      <c r="M4" s="56"/>
      <c r="N4" s="56"/>
      <c r="O4" s="56"/>
    </row>
    <row r="5" spans="1:15" ht="18.149999999999999" customHeight="1" x14ac:dyDescent="0.3">
      <c r="C5" s="56"/>
      <c r="D5" s="56"/>
      <c r="E5" s="56"/>
      <c r="F5" s="56"/>
      <c r="G5" s="56"/>
      <c r="H5" s="56"/>
      <c r="I5" s="56"/>
      <c r="J5" s="56"/>
      <c r="K5" s="56"/>
      <c r="L5" s="56"/>
      <c r="M5" s="56"/>
      <c r="N5" s="56"/>
      <c r="O5" s="56"/>
    </row>
    <row r="6" spans="1:15" s="49" customFormat="1" ht="18" customHeight="1" x14ac:dyDescent="0.3">
      <c r="A6" s="50"/>
      <c r="B6" s="50"/>
      <c r="C6" s="56"/>
      <c r="D6" s="56"/>
      <c r="E6" s="56"/>
      <c r="F6" s="56"/>
      <c r="G6" s="56"/>
      <c r="H6" s="56"/>
      <c r="I6" s="56"/>
      <c r="J6" s="56"/>
      <c r="K6" s="56"/>
      <c r="L6" s="56"/>
      <c r="M6" s="56"/>
      <c r="N6" s="56"/>
      <c r="O6" s="56"/>
    </row>
    <row r="7" spans="1:15" ht="18.149999999999999" customHeight="1" x14ac:dyDescent="0.3">
      <c r="C7" s="56"/>
      <c r="D7" s="56"/>
      <c r="E7" s="56"/>
      <c r="F7" s="56"/>
      <c r="G7" s="56"/>
      <c r="H7" s="56"/>
      <c r="I7" s="56"/>
      <c r="J7" s="56"/>
      <c r="K7" s="56"/>
      <c r="L7" s="56"/>
      <c r="M7" s="56"/>
      <c r="N7" s="56"/>
      <c r="O7" s="56"/>
    </row>
    <row r="8" spans="1:15" ht="18.149999999999999" customHeight="1" x14ac:dyDescent="0.3">
      <c r="C8" s="56"/>
      <c r="D8" s="56"/>
      <c r="E8" s="56"/>
      <c r="F8" s="56"/>
      <c r="G8" s="56"/>
      <c r="H8" s="56"/>
      <c r="I8" s="56"/>
      <c r="J8" s="56"/>
      <c r="K8" s="56"/>
      <c r="L8" s="56"/>
      <c r="M8" s="56"/>
      <c r="N8" s="56"/>
      <c r="O8" s="56"/>
    </row>
    <row r="9" spans="1:15" ht="18" customHeight="1" x14ac:dyDescent="0.3">
      <c r="A9" s="5" t="s">
        <v>61</v>
      </c>
      <c r="C9" s="57" t="s">
        <v>60</v>
      </c>
      <c r="D9" s="57"/>
      <c r="E9" s="57"/>
      <c r="F9" s="57"/>
      <c r="G9" s="57"/>
      <c r="H9" s="57"/>
      <c r="I9" s="57"/>
      <c r="J9" s="57"/>
      <c r="K9" s="57"/>
      <c r="L9" s="57"/>
      <c r="M9" s="57"/>
      <c r="N9" s="57"/>
      <c r="O9" s="57"/>
    </row>
    <row r="10" spans="1:15" ht="18" customHeight="1" x14ac:dyDescent="0.3">
      <c r="A10" s="5" t="s">
        <v>59</v>
      </c>
      <c r="C10" s="57" t="s">
        <v>58</v>
      </c>
      <c r="D10" s="57"/>
      <c r="E10" s="57"/>
      <c r="F10" s="57"/>
      <c r="G10" s="57"/>
      <c r="H10" s="57"/>
      <c r="I10" s="57"/>
      <c r="J10" s="57"/>
      <c r="K10" s="57"/>
      <c r="L10" s="57"/>
      <c r="M10" s="57"/>
      <c r="N10" s="57"/>
      <c r="O10" s="57"/>
    </row>
    <row r="11" spans="1:15" ht="18" customHeight="1" x14ac:dyDescent="0.3">
      <c r="A11" s="5" t="s">
        <v>57</v>
      </c>
      <c r="C11" s="57" t="s">
        <v>228</v>
      </c>
      <c r="D11" s="57"/>
      <c r="E11" s="57"/>
      <c r="F11" s="57"/>
      <c r="G11" s="57"/>
      <c r="H11" s="57"/>
      <c r="I11" s="57"/>
      <c r="J11" s="57"/>
      <c r="K11" s="57"/>
      <c r="L11" s="57"/>
      <c r="M11" s="57"/>
      <c r="N11" s="57"/>
      <c r="O11" s="57"/>
    </row>
    <row r="12" spans="1:15" ht="18" customHeight="1" x14ac:dyDescent="0.3">
      <c r="A12" s="5" t="s">
        <v>56</v>
      </c>
      <c r="C12" s="57" t="s">
        <v>220</v>
      </c>
      <c r="D12" s="57"/>
      <c r="E12" s="57"/>
      <c r="F12" s="57"/>
      <c r="G12" s="57"/>
      <c r="H12" s="57"/>
      <c r="I12" s="57"/>
      <c r="J12" s="57"/>
      <c r="K12" s="57"/>
      <c r="L12" s="57"/>
      <c r="M12" s="57"/>
      <c r="N12" s="57"/>
      <c r="O12" s="57"/>
    </row>
    <row r="13" spans="1:15" ht="18" customHeight="1" x14ac:dyDescent="0.3">
      <c r="A13" s="5" t="s">
        <v>25</v>
      </c>
      <c r="B13" s="4" t="s">
        <v>19</v>
      </c>
      <c r="C13" s="57" t="s">
        <v>24</v>
      </c>
      <c r="D13" s="57"/>
      <c r="E13" s="57"/>
      <c r="F13" s="57"/>
      <c r="G13" s="57"/>
      <c r="H13" s="57"/>
      <c r="I13" s="57"/>
      <c r="J13" s="57"/>
      <c r="K13" s="57"/>
      <c r="L13" s="57"/>
      <c r="M13" s="57"/>
      <c r="N13" s="57"/>
      <c r="O13" s="57"/>
    </row>
    <row r="14" spans="1:15" ht="18" customHeight="1" x14ac:dyDescent="0.3">
      <c r="B14" s="4" t="s">
        <v>18</v>
      </c>
      <c r="C14" s="53" t="s">
        <v>55</v>
      </c>
      <c r="D14" s="53"/>
      <c r="E14" s="53"/>
      <c r="F14" s="53"/>
      <c r="G14" s="53"/>
      <c r="H14" s="53"/>
      <c r="I14" s="53"/>
      <c r="J14" s="53"/>
      <c r="K14" s="53"/>
      <c r="L14" s="53"/>
      <c r="M14" s="53"/>
      <c r="N14" s="53"/>
      <c r="O14" s="53"/>
    </row>
    <row r="15" spans="1:15" ht="15.9" customHeight="1" x14ac:dyDescent="0.3">
      <c r="B15" s="4" t="s">
        <v>17</v>
      </c>
      <c r="C15" s="2" t="s">
        <v>54</v>
      </c>
      <c r="D15" s="2"/>
      <c r="E15" s="2"/>
      <c r="F15" s="2"/>
      <c r="G15" s="2"/>
      <c r="H15" s="2"/>
      <c r="I15" s="2"/>
      <c r="J15" s="2"/>
      <c r="K15" s="2"/>
      <c r="L15" s="2"/>
      <c r="M15" s="2"/>
      <c r="N15" s="2"/>
      <c r="O15" s="2"/>
    </row>
    <row r="16" spans="1:15" ht="15.9" customHeight="1" x14ac:dyDescent="0.3">
      <c r="B16" s="4" t="s">
        <v>23</v>
      </c>
      <c r="C16" s="2" t="s">
        <v>53</v>
      </c>
      <c r="D16" s="6"/>
      <c r="E16" s="6"/>
      <c r="F16" s="6"/>
      <c r="G16" s="6"/>
      <c r="H16" s="6"/>
      <c r="I16" s="6"/>
      <c r="J16" s="6"/>
      <c r="K16" s="6"/>
      <c r="L16" s="6"/>
      <c r="M16" s="6"/>
      <c r="N16" s="6"/>
      <c r="O16" s="6"/>
    </row>
    <row r="17" spans="1:47" ht="15.9" customHeight="1" x14ac:dyDescent="0.3">
      <c r="B17" s="4" t="s">
        <v>22</v>
      </c>
      <c r="C17" s="2" t="s">
        <v>52</v>
      </c>
      <c r="D17" s="2"/>
      <c r="E17" s="2"/>
      <c r="F17" s="2"/>
      <c r="G17" s="2"/>
      <c r="H17" s="2"/>
      <c r="I17" s="2"/>
      <c r="J17" s="2"/>
      <c r="K17" s="2"/>
      <c r="L17" s="2"/>
      <c r="M17" s="2"/>
      <c r="N17" s="2"/>
      <c r="O17" s="2"/>
    </row>
    <row r="18" spans="1:47" ht="15.9" customHeight="1" x14ac:dyDescent="0.3">
      <c r="C18" s="2" t="s">
        <v>51</v>
      </c>
      <c r="D18" s="2"/>
      <c r="E18" s="2"/>
      <c r="F18" s="2"/>
      <c r="G18" s="2"/>
      <c r="H18" s="2"/>
      <c r="I18" s="2"/>
      <c r="J18" s="2"/>
      <c r="K18" s="2"/>
      <c r="L18" s="2"/>
      <c r="M18" s="2"/>
      <c r="N18" s="2"/>
      <c r="O18" s="2"/>
    </row>
    <row r="19" spans="1:47" ht="15.9" customHeight="1" x14ac:dyDescent="0.3">
      <c r="B19" s="4" t="s">
        <v>21</v>
      </c>
      <c r="C19" s="2" t="s">
        <v>50</v>
      </c>
      <c r="D19" s="2"/>
      <c r="E19" s="2"/>
      <c r="F19" s="2"/>
      <c r="G19" s="2"/>
      <c r="H19" s="2"/>
      <c r="I19" s="2"/>
      <c r="J19" s="2"/>
      <c r="K19" s="2"/>
      <c r="L19" s="2"/>
      <c r="M19" s="2"/>
      <c r="N19" s="2"/>
      <c r="O19" s="2"/>
    </row>
    <row r="20" spans="1:47" ht="15.9" customHeight="1" x14ac:dyDescent="0.3">
      <c r="C20" s="2" t="s">
        <v>49</v>
      </c>
      <c r="D20" s="2"/>
      <c r="E20" s="2"/>
      <c r="F20" s="2"/>
      <c r="G20" s="2"/>
      <c r="H20" s="2"/>
      <c r="I20" s="2"/>
      <c r="J20" s="2"/>
      <c r="K20" s="2"/>
      <c r="L20" s="2"/>
      <c r="M20" s="2"/>
      <c r="N20" s="2"/>
      <c r="O20" s="2"/>
    </row>
    <row r="21" spans="1:47" ht="18" customHeight="1" x14ac:dyDescent="0.3">
      <c r="A21" s="5" t="s">
        <v>48</v>
      </c>
      <c r="C21" s="53" t="s">
        <v>47</v>
      </c>
      <c r="D21" s="53"/>
      <c r="E21" s="53"/>
      <c r="F21" s="53"/>
      <c r="G21" s="53"/>
      <c r="H21" s="53"/>
      <c r="I21" s="53"/>
      <c r="J21" s="53"/>
      <c r="K21" s="53"/>
      <c r="L21" s="53"/>
      <c r="M21" s="53"/>
      <c r="N21" s="53"/>
      <c r="O21" s="53"/>
    </row>
    <row r="22" spans="1:47" ht="18" customHeight="1" x14ac:dyDescent="0.3">
      <c r="C22" s="53" t="s">
        <v>225</v>
      </c>
      <c r="D22" s="53"/>
      <c r="E22" s="53"/>
      <c r="F22" s="53"/>
      <c r="G22" s="53"/>
      <c r="H22" s="53"/>
      <c r="I22" s="53"/>
      <c r="J22" s="53"/>
      <c r="K22" s="53"/>
      <c r="L22" s="53"/>
      <c r="M22" s="53"/>
      <c r="N22" s="53"/>
      <c r="O22" s="53"/>
    </row>
    <row r="23" spans="1:47" ht="18" customHeight="1" x14ac:dyDescent="0.3">
      <c r="A23" s="5" t="s">
        <v>20</v>
      </c>
      <c r="C23" s="53" t="s">
        <v>46</v>
      </c>
      <c r="D23" s="53"/>
      <c r="E23" s="53"/>
      <c r="F23" s="53"/>
      <c r="G23" s="53"/>
      <c r="H23" s="53"/>
      <c r="I23" s="53"/>
      <c r="J23" s="53"/>
      <c r="K23" s="53"/>
      <c r="L23" s="53"/>
      <c r="M23" s="53"/>
      <c r="N23" s="53"/>
      <c r="O23" s="53"/>
    </row>
    <row r="24" spans="1:47" ht="18" customHeight="1" x14ac:dyDescent="0.3">
      <c r="A24" s="5" t="s">
        <v>13</v>
      </c>
      <c r="C24" s="58" t="s">
        <v>224</v>
      </c>
      <c r="D24" s="58"/>
      <c r="E24" s="58"/>
      <c r="F24" s="58"/>
      <c r="G24" s="58"/>
      <c r="H24" s="58"/>
      <c r="I24" s="58"/>
      <c r="J24" s="58"/>
      <c r="K24" s="58"/>
      <c r="L24" s="58"/>
      <c r="M24" s="58"/>
      <c r="N24" s="58"/>
      <c r="O24" s="58"/>
      <c r="P24" s="51"/>
      <c r="Q24" s="51"/>
      <c r="R24" s="51"/>
      <c r="S24" s="51"/>
      <c r="T24" s="51"/>
      <c r="U24" s="51"/>
      <c r="V24" s="51"/>
      <c r="W24" s="51"/>
      <c r="X24" s="51"/>
      <c r="Y24" s="51"/>
      <c r="Z24" s="51"/>
      <c r="AA24" s="51"/>
      <c r="AB24" s="51"/>
      <c r="AC24" s="51"/>
      <c r="AD24" s="51"/>
      <c r="AE24" s="51"/>
      <c r="AF24" s="51"/>
      <c r="AG24" s="51"/>
      <c r="AH24" s="51"/>
      <c r="AI24" s="51"/>
      <c r="AJ24" s="51"/>
      <c r="AK24" s="51"/>
      <c r="AL24" s="51"/>
      <c r="AM24" s="51"/>
      <c r="AN24" s="51"/>
      <c r="AO24" s="51"/>
      <c r="AP24" s="51"/>
      <c r="AQ24" s="51"/>
      <c r="AR24" s="51"/>
      <c r="AS24" s="51"/>
      <c r="AT24" s="51"/>
      <c r="AU24" s="51"/>
    </row>
    <row r="25" spans="1:47" ht="18" customHeight="1" x14ac:dyDescent="0.3">
      <c r="C25" s="53" t="s">
        <v>12</v>
      </c>
      <c r="D25" s="53"/>
      <c r="E25" s="53"/>
      <c r="F25" s="53"/>
      <c r="G25" s="53"/>
      <c r="H25" s="53"/>
      <c r="I25" s="53"/>
      <c r="J25" s="53"/>
      <c r="K25" s="53"/>
      <c r="L25" s="53"/>
      <c r="M25" s="53"/>
      <c r="N25" s="53"/>
      <c r="O25" s="53"/>
    </row>
    <row r="26" spans="1:47" ht="18" customHeight="1" x14ac:dyDescent="0.3">
      <c r="A26" s="5" t="s">
        <v>45</v>
      </c>
      <c r="B26" s="4" t="s">
        <v>19</v>
      </c>
      <c r="C26" s="53" t="s">
        <v>44</v>
      </c>
      <c r="D26" s="53"/>
      <c r="E26" s="53"/>
      <c r="F26" s="53"/>
      <c r="G26" s="53"/>
      <c r="H26" s="53"/>
      <c r="I26" s="53"/>
      <c r="J26" s="53"/>
      <c r="K26" s="53"/>
      <c r="L26" s="53"/>
      <c r="M26" s="53"/>
      <c r="N26" s="53"/>
      <c r="O26" s="53"/>
    </row>
    <row r="27" spans="1:47" ht="18" customHeight="1" x14ac:dyDescent="0.3">
      <c r="B27" s="4" t="s">
        <v>18</v>
      </c>
      <c r="C27" s="53" t="s">
        <v>43</v>
      </c>
      <c r="D27" s="53"/>
      <c r="E27" s="53"/>
      <c r="F27" s="53"/>
      <c r="G27" s="53"/>
      <c r="H27" s="53"/>
      <c r="I27" s="53"/>
      <c r="J27" s="53"/>
      <c r="K27" s="53"/>
      <c r="L27" s="53"/>
      <c r="M27" s="53"/>
      <c r="N27" s="53"/>
      <c r="O27" s="53"/>
    </row>
    <row r="28" spans="1:47" ht="18" customHeight="1" x14ac:dyDescent="0.3">
      <c r="B28" s="4" t="s">
        <v>17</v>
      </c>
      <c r="C28" s="53" t="s">
        <v>42</v>
      </c>
      <c r="D28" s="53"/>
      <c r="E28" s="53"/>
      <c r="F28" s="53"/>
      <c r="G28" s="53"/>
      <c r="H28" s="53"/>
      <c r="I28" s="53"/>
      <c r="J28" s="53"/>
      <c r="K28" s="53"/>
      <c r="L28" s="53"/>
      <c r="M28" s="53"/>
      <c r="N28" s="53"/>
      <c r="O28" s="53"/>
    </row>
    <row r="29" spans="1:47" ht="15.9" customHeight="1" x14ac:dyDescent="0.3">
      <c r="B29" s="4" t="s">
        <v>23</v>
      </c>
      <c r="C29" s="2" t="s">
        <v>192</v>
      </c>
      <c r="D29" s="2"/>
      <c r="E29" s="2"/>
      <c r="F29" s="2"/>
      <c r="G29" s="2"/>
      <c r="H29" s="2"/>
      <c r="I29" s="2"/>
      <c r="J29" s="2"/>
      <c r="K29" s="2"/>
      <c r="L29" s="2"/>
      <c r="M29" s="2"/>
      <c r="N29" s="2"/>
      <c r="O29" s="2"/>
    </row>
    <row r="30" spans="1:47" ht="15.9" customHeight="1" x14ac:dyDescent="0.3">
      <c r="C30" s="2" t="s">
        <v>41</v>
      </c>
      <c r="D30" s="2"/>
      <c r="E30" s="2"/>
      <c r="F30" s="2"/>
      <c r="G30" s="2"/>
      <c r="H30" s="2"/>
      <c r="I30" s="2"/>
      <c r="J30" s="2"/>
      <c r="K30" s="2"/>
      <c r="L30" s="2"/>
      <c r="M30" s="2"/>
      <c r="N30" s="2"/>
      <c r="O30" s="2"/>
    </row>
    <row r="31" spans="1:47" ht="18" customHeight="1" x14ac:dyDescent="0.3">
      <c r="B31" s="4" t="s">
        <v>22</v>
      </c>
      <c r="C31" s="53" t="s">
        <v>40</v>
      </c>
      <c r="D31" s="53"/>
      <c r="E31" s="53"/>
      <c r="F31" s="53"/>
      <c r="G31" s="53"/>
      <c r="H31" s="53"/>
      <c r="I31" s="53"/>
      <c r="J31" s="53"/>
      <c r="K31" s="53"/>
      <c r="L31" s="53"/>
      <c r="M31" s="53"/>
      <c r="N31" s="53"/>
      <c r="O31" s="53"/>
    </row>
    <row r="32" spans="1:47" ht="18" customHeight="1" x14ac:dyDescent="0.3">
      <c r="B32" s="4" t="s">
        <v>21</v>
      </c>
      <c r="C32" s="54" t="s">
        <v>16</v>
      </c>
      <c r="D32" s="54"/>
      <c r="E32" s="54"/>
      <c r="F32" s="54"/>
      <c r="G32" s="54"/>
      <c r="H32" s="54"/>
      <c r="I32" s="54"/>
      <c r="J32" s="54"/>
      <c r="K32" s="54"/>
      <c r="L32" s="54"/>
      <c r="M32" s="54"/>
      <c r="N32" s="54"/>
      <c r="O32" s="54"/>
    </row>
    <row r="33" spans="1:15" ht="18" customHeight="1" x14ac:dyDescent="0.3">
      <c r="A33" s="5" t="s">
        <v>15</v>
      </c>
      <c r="C33" s="53" t="s">
        <v>39</v>
      </c>
      <c r="D33" s="53"/>
      <c r="E33" s="53"/>
      <c r="F33" s="53"/>
      <c r="G33" s="53"/>
      <c r="H33" s="53"/>
      <c r="I33" s="53"/>
      <c r="J33" s="53"/>
      <c r="K33" s="53"/>
      <c r="L33" s="53"/>
      <c r="M33" s="53"/>
      <c r="N33" s="53"/>
      <c r="O33" s="53"/>
    </row>
    <row r="34" spans="1:15" ht="15.9" customHeight="1" x14ac:dyDescent="0.3">
      <c r="A34" s="5" t="s">
        <v>29</v>
      </c>
      <c r="C34" s="2" t="s">
        <v>38</v>
      </c>
      <c r="D34" s="2"/>
      <c r="E34" s="2"/>
      <c r="F34" s="2"/>
      <c r="G34" s="2"/>
      <c r="H34" s="2"/>
      <c r="I34" s="2"/>
      <c r="J34" s="2"/>
      <c r="K34" s="2"/>
      <c r="L34" s="2"/>
      <c r="M34" s="2"/>
      <c r="N34" s="2"/>
      <c r="O34" s="2"/>
    </row>
    <row r="35" spans="1:15" ht="15.9" customHeight="1" x14ac:dyDescent="0.3">
      <c r="C35" s="2" t="s">
        <v>37</v>
      </c>
      <c r="D35" s="2"/>
      <c r="E35" s="2"/>
      <c r="F35" s="2"/>
      <c r="G35" s="2"/>
      <c r="H35" s="2"/>
      <c r="I35" s="2"/>
      <c r="J35" s="2"/>
      <c r="K35" s="2"/>
      <c r="L35" s="2"/>
      <c r="M35" s="2"/>
      <c r="N35" s="2"/>
      <c r="O35" s="2"/>
    </row>
    <row r="36" spans="1:15" ht="15.9" customHeight="1" x14ac:dyDescent="0.3">
      <c r="A36" s="5" t="s">
        <v>36</v>
      </c>
      <c r="C36" s="2" t="s">
        <v>35</v>
      </c>
      <c r="D36" s="2"/>
      <c r="E36" s="2"/>
      <c r="F36" s="2"/>
      <c r="G36" s="2"/>
      <c r="H36" s="2"/>
      <c r="I36" s="2"/>
      <c r="J36" s="2"/>
      <c r="K36" s="2"/>
      <c r="L36" s="2"/>
      <c r="M36" s="2"/>
      <c r="N36" s="2"/>
      <c r="O36" s="2"/>
    </row>
    <row r="37" spans="1:15" ht="15.9" customHeight="1" x14ac:dyDescent="0.3">
      <c r="C37" s="2" t="s">
        <v>226</v>
      </c>
      <c r="D37" s="2"/>
      <c r="E37" s="2"/>
      <c r="F37" s="2"/>
      <c r="G37" s="2"/>
      <c r="H37" s="2"/>
      <c r="I37" s="2"/>
      <c r="J37" s="2"/>
      <c r="K37" s="2"/>
      <c r="L37" s="2"/>
      <c r="M37" s="2"/>
      <c r="N37" s="2"/>
      <c r="O37" s="2"/>
    </row>
    <row r="38" spans="1:15" ht="15.6" customHeight="1" x14ac:dyDescent="0.3">
      <c r="A38" s="5" t="s">
        <v>14</v>
      </c>
      <c r="C38" s="53" t="s">
        <v>227</v>
      </c>
      <c r="D38" s="53"/>
      <c r="E38" s="53"/>
      <c r="F38" s="53"/>
      <c r="G38" s="53"/>
      <c r="H38" s="53"/>
      <c r="I38" s="53"/>
      <c r="J38" s="53"/>
      <c r="K38" s="53"/>
      <c r="L38" s="53"/>
      <c r="M38" s="53"/>
      <c r="N38" s="53"/>
      <c r="O38" s="53"/>
    </row>
    <row r="39" spans="1:15" ht="18" customHeight="1" x14ac:dyDescent="0.3">
      <c r="A39" s="5" t="s">
        <v>34</v>
      </c>
      <c r="C39" s="53" t="s">
        <v>33</v>
      </c>
      <c r="D39" s="53"/>
      <c r="E39" s="53"/>
      <c r="F39" s="53"/>
      <c r="G39" s="53"/>
      <c r="H39" s="53"/>
      <c r="I39" s="53"/>
      <c r="J39" s="53"/>
      <c r="K39" s="53"/>
      <c r="L39" s="53"/>
      <c r="M39" s="53"/>
      <c r="N39" s="53"/>
      <c r="O39" s="53"/>
    </row>
    <row r="40" spans="1:15" ht="18" customHeight="1" x14ac:dyDescent="0.3">
      <c r="A40" s="5" t="s">
        <v>28</v>
      </c>
      <c r="B40" s="4" t="s">
        <v>19</v>
      </c>
      <c r="C40" s="53" t="s">
        <v>27</v>
      </c>
      <c r="D40" s="53"/>
      <c r="E40" s="53"/>
      <c r="F40" s="53"/>
      <c r="G40" s="53"/>
      <c r="H40" s="53"/>
      <c r="I40" s="53"/>
      <c r="J40" s="53"/>
      <c r="K40" s="53"/>
      <c r="L40" s="53"/>
      <c r="M40" s="53"/>
      <c r="N40" s="53"/>
      <c r="O40" s="53"/>
    </row>
    <row r="41" spans="1:15" ht="15.9" customHeight="1" x14ac:dyDescent="0.3">
      <c r="B41" s="4" t="s">
        <v>18</v>
      </c>
      <c r="C41" s="2" t="s">
        <v>32</v>
      </c>
      <c r="D41" s="2"/>
      <c r="E41" s="2"/>
      <c r="F41" s="2"/>
      <c r="G41" s="2"/>
      <c r="H41" s="2"/>
      <c r="I41" s="2"/>
      <c r="J41" s="2"/>
      <c r="K41" s="2"/>
      <c r="L41" s="2"/>
      <c r="M41" s="2"/>
      <c r="N41" s="2"/>
      <c r="O41" s="2"/>
    </row>
    <row r="42" spans="1:15" ht="15.9" customHeight="1" x14ac:dyDescent="0.3">
      <c r="C42" s="2" t="s">
        <v>31</v>
      </c>
      <c r="D42" s="2"/>
      <c r="E42" s="2"/>
      <c r="F42" s="2"/>
      <c r="G42" s="2"/>
      <c r="H42" s="2"/>
      <c r="I42" s="2"/>
      <c r="J42" s="2"/>
      <c r="K42" s="2"/>
      <c r="L42" s="2"/>
      <c r="M42" s="2"/>
      <c r="N42" s="2"/>
      <c r="O42" s="2"/>
    </row>
    <row r="43" spans="1:15" ht="15.9" customHeight="1" x14ac:dyDescent="0.3">
      <c r="C43" s="2" t="s">
        <v>30</v>
      </c>
      <c r="D43" s="2"/>
      <c r="E43" s="2"/>
      <c r="F43" s="2"/>
      <c r="G43" s="2"/>
      <c r="H43" s="2"/>
      <c r="I43" s="2"/>
      <c r="J43" s="2"/>
      <c r="K43" s="2"/>
      <c r="L43" s="2"/>
      <c r="M43" s="2"/>
      <c r="N43" s="2"/>
      <c r="O43" s="2"/>
    </row>
    <row r="44" spans="1:15" ht="15.9" customHeight="1" x14ac:dyDescent="0.3">
      <c r="C44" s="2"/>
      <c r="D44" s="2"/>
      <c r="E44" s="2"/>
      <c r="F44" s="2"/>
      <c r="G44" s="2"/>
      <c r="H44" s="2"/>
      <c r="I44" s="2"/>
      <c r="J44" s="2"/>
      <c r="K44" s="2"/>
      <c r="L44" s="2"/>
      <c r="M44" s="2"/>
      <c r="N44" s="2"/>
      <c r="O44" s="2"/>
    </row>
    <row r="45" spans="1:15" ht="15.9" customHeight="1" x14ac:dyDescent="0.3">
      <c r="C45" s="2"/>
      <c r="D45" s="2"/>
      <c r="E45" s="2"/>
      <c r="F45" s="2"/>
      <c r="G45" s="2"/>
      <c r="H45" s="2"/>
      <c r="I45" s="2"/>
      <c r="J45" s="2"/>
      <c r="K45" s="2"/>
      <c r="L45" s="2"/>
      <c r="M45" s="2"/>
      <c r="N45" s="2"/>
      <c r="O45" s="2"/>
    </row>
    <row r="46" spans="1:15" ht="18.75" customHeight="1" x14ac:dyDescent="0.3">
      <c r="C46" s="53"/>
      <c r="D46" s="53"/>
      <c r="E46" s="53"/>
      <c r="F46" s="53"/>
      <c r="G46" s="53"/>
      <c r="H46" s="53"/>
      <c r="I46" s="53"/>
      <c r="J46" s="53"/>
      <c r="K46" s="53"/>
      <c r="L46" s="53"/>
      <c r="M46" s="53"/>
      <c r="N46" s="53"/>
      <c r="O46" s="53"/>
    </row>
    <row r="47" spans="1:15" ht="18.75" customHeight="1" x14ac:dyDescent="0.3">
      <c r="C47" s="53"/>
      <c r="D47" s="53"/>
      <c r="E47" s="53"/>
      <c r="F47" s="53"/>
      <c r="G47" s="53"/>
      <c r="H47" s="53"/>
      <c r="I47" s="53"/>
      <c r="J47" s="53"/>
      <c r="K47" s="53"/>
      <c r="L47" s="53"/>
      <c r="M47" s="53"/>
      <c r="N47" s="53"/>
      <c r="O47" s="53"/>
    </row>
  </sheetData>
  <mergeCells count="24">
    <mergeCell ref="A1:O1"/>
    <mergeCell ref="C3:O8"/>
    <mergeCell ref="C9:O9"/>
    <mergeCell ref="C10:O10"/>
    <mergeCell ref="C28:O28"/>
    <mergeCell ref="C11:O11"/>
    <mergeCell ref="C12:O12"/>
    <mergeCell ref="C13:O13"/>
    <mergeCell ref="C14:O14"/>
    <mergeCell ref="C21:O21"/>
    <mergeCell ref="C22:O22"/>
    <mergeCell ref="C23:O23"/>
    <mergeCell ref="C24:O24"/>
    <mergeCell ref="C25:O25"/>
    <mergeCell ref="C26:O26"/>
    <mergeCell ref="C27:O27"/>
    <mergeCell ref="C39:O39"/>
    <mergeCell ref="C40:O40"/>
    <mergeCell ref="C46:O46"/>
    <mergeCell ref="C47:O47"/>
    <mergeCell ref="C31:O31"/>
    <mergeCell ref="C32:O32"/>
    <mergeCell ref="C33:O33"/>
    <mergeCell ref="C38:O38"/>
  </mergeCells>
  <phoneticPr fontId="1"/>
  <printOptions horizontalCentered="1"/>
  <pageMargins left="0.39370078740157483" right="0.39370078740157483" top="0.51181102362204722" bottom="0.39370078740157483" header="0.19685039370078741" footer="0.19685039370078741"/>
  <pageSetup paperSize="9" scale="95" orientation="portrait" r:id="rId1"/>
  <headerFooter scaleWithDoc="0"/>
  <colBreaks count="1" manualBreakCount="1">
    <brk id="15" max="1048575" man="1"/>
  </colBreaks>
  <legacy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00FF00"/>
    <pageSetUpPr fitToPage="1"/>
  </sheetPr>
  <dimension ref="A1:BI53"/>
  <sheetViews>
    <sheetView showGridLines="0" tabSelected="1" zoomScale="75" zoomScaleNormal="75" zoomScaleSheetLayoutView="100" workbookViewId="0">
      <selection activeCell="BM8" sqref="BM8"/>
    </sheetView>
  </sheetViews>
  <sheetFormatPr defaultRowHeight="15" x14ac:dyDescent="0.45"/>
  <cols>
    <col min="1" max="1" width="1.8984375" style="2" customWidth="1"/>
    <col min="2" max="2" width="3.09765625" style="2" customWidth="1"/>
    <col min="3" max="16" width="1.8984375" style="2" customWidth="1"/>
    <col min="17" max="19" width="1.8984375" style="9" customWidth="1"/>
    <col min="20" max="44" width="1.8984375" style="2" customWidth="1"/>
    <col min="45" max="47" width="1.8984375" style="9" customWidth="1"/>
    <col min="48" max="61" width="1.8984375" style="2" customWidth="1"/>
    <col min="62" max="62" width="1.3984375" style="2" customWidth="1"/>
    <col min="63" max="256" width="9" style="2"/>
    <col min="257" max="257" width="1.8984375" style="2" customWidth="1"/>
    <col min="258" max="258" width="3.09765625" style="2" customWidth="1"/>
    <col min="259" max="317" width="1.8984375" style="2" customWidth="1"/>
    <col min="318" max="512" width="9" style="2"/>
    <col min="513" max="513" width="1.8984375" style="2" customWidth="1"/>
    <col min="514" max="514" width="3.09765625" style="2" customWidth="1"/>
    <col min="515" max="573" width="1.8984375" style="2" customWidth="1"/>
    <col min="574" max="768" width="9" style="2"/>
    <col min="769" max="769" width="1.8984375" style="2" customWidth="1"/>
    <col min="770" max="770" width="3.09765625" style="2" customWidth="1"/>
    <col min="771" max="829" width="1.8984375" style="2" customWidth="1"/>
    <col min="830" max="1024" width="9" style="2"/>
    <col min="1025" max="1025" width="1.8984375" style="2" customWidth="1"/>
    <col min="1026" max="1026" width="3.09765625" style="2" customWidth="1"/>
    <col min="1027" max="1085" width="1.8984375" style="2" customWidth="1"/>
    <col min="1086" max="1280" width="9" style="2"/>
    <col min="1281" max="1281" width="1.8984375" style="2" customWidth="1"/>
    <col min="1282" max="1282" width="3.09765625" style="2" customWidth="1"/>
    <col min="1283" max="1341" width="1.8984375" style="2" customWidth="1"/>
    <col min="1342" max="1536" width="9" style="2"/>
    <col min="1537" max="1537" width="1.8984375" style="2" customWidth="1"/>
    <col min="1538" max="1538" width="3.09765625" style="2" customWidth="1"/>
    <col min="1539" max="1597" width="1.8984375" style="2" customWidth="1"/>
    <col min="1598" max="1792" width="9" style="2"/>
    <col min="1793" max="1793" width="1.8984375" style="2" customWidth="1"/>
    <col min="1794" max="1794" width="3.09765625" style="2" customWidth="1"/>
    <col min="1795" max="1853" width="1.8984375" style="2" customWidth="1"/>
    <col min="1854" max="2048" width="9" style="2"/>
    <col min="2049" max="2049" width="1.8984375" style="2" customWidth="1"/>
    <col min="2050" max="2050" width="3.09765625" style="2" customWidth="1"/>
    <col min="2051" max="2109" width="1.8984375" style="2" customWidth="1"/>
    <col min="2110" max="2304" width="9" style="2"/>
    <col min="2305" max="2305" width="1.8984375" style="2" customWidth="1"/>
    <col min="2306" max="2306" width="3.09765625" style="2" customWidth="1"/>
    <col min="2307" max="2365" width="1.8984375" style="2" customWidth="1"/>
    <col min="2366" max="2560" width="9" style="2"/>
    <col min="2561" max="2561" width="1.8984375" style="2" customWidth="1"/>
    <col min="2562" max="2562" width="3.09765625" style="2" customWidth="1"/>
    <col min="2563" max="2621" width="1.8984375" style="2" customWidth="1"/>
    <col min="2622" max="2816" width="9" style="2"/>
    <col min="2817" max="2817" width="1.8984375" style="2" customWidth="1"/>
    <col min="2818" max="2818" width="3.09765625" style="2" customWidth="1"/>
    <col min="2819" max="2877" width="1.8984375" style="2" customWidth="1"/>
    <col min="2878" max="3072" width="9" style="2"/>
    <col min="3073" max="3073" width="1.8984375" style="2" customWidth="1"/>
    <col min="3074" max="3074" width="3.09765625" style="2" customWidth="1"/>
    <col min="3075" max="3133" width="1.8984375" style="2" customWidth="1"/>
    <col min="3134" max="3328" width="9" style="2"/>
    <col min="3329" max="3329" width="1.8984375" style="2" customWidth="1"/>
    <col min="3330" max="3330" width="3.09765625" style="2" customWidth="1"/>
    <col min="3331" max="3389" width="1.8984375" style="2" customWidth="1"/>
    <col min="3390" max="3584" width="9" style="2"/>
    <col min="3585" max="3585" width="1.8984375" style="2" customWidth="1"/>
    <col min="3586" max="3586" width="3.09765625" style="2" customWidth="1"/>
    <col min="3587" max="3645" width="1.8984375" style="2" customWidth="1"/>
    <col min="3646" max="3840" width="9" style="2"/>
    <col min="3841" max="3841" width="1.8984375" style="2" customWidth="1"/>
    <col min="3842" max="3842" width="3.09765625" style="2" customWidth="1"/>
    <col min="3843" max="3901" width="1.8984375" style="2" customWidth="1"/>
    <col min="3902" max="4096" width="9" style="2"/>
    <col min="4097" max="4097" width="1.8984375" style="2" customWidth="1"/>
    <col min="4098" max="4098" width="3.09765625" style="2" customWidth="1"/>
    <col min="4099" max="4157" width="1.8984375" style="2" customWidth="1"/>
    <col min="4158" max="4352" width="9" style="2"/>
    <col min="4353" max="4353" width="1.8984375" style="2" customWidth="1"/>
    <col min="4354" max="4354" width="3.09765625" style="2" customWidth="1"/>
    <col min="4355" max="4413" width="1.8984375" style="2" customWidth="1"/>
    <col min="4414" max="4608" width="9" style="2"/>
    <col min="4609" max="4609" width="1.8984375" style="2" customWidth="1"/>
    <col min="4610" max="4610" width="3.09765625" style="2" customWidth="1"/>
    <col min="4611" max="4669" width="1.8984375" style="2" customWidth="1"/>
    <col min="4670" max="4864" width="9" style="2"/>
    <col min="4865" max="4865" width="1.8984375" style="2" customWidth="1"/>
    <col min="4866" max="4866" width="3.09765625" style="2" customWidth="1"/>
    <col min="4867" max="4925" width="1.8984375" style="2" customWidth="1"/>
    <col min="4926" max="5120" width="9" style="2"/>
    <col min="5121" max="5121" width="1.8984375" style="2" customWidth="1"/>
    <col min="5122" max="5122" width="3.09765625" style="2" customWidth="1"/>
    <col min="5123" max="5181" width="1.8984375" style="2" customWidth="1"/>
    <col min="5182" max="5376" width="9" style="2"/>
    <col min="5377" max="5377" width="1.8984375" style="2" customWidth="1"/>
    <col min="5378" max="5378" width="3.09765625" style="2" customWidth="1"/>
    <col min="5379" max="5437" width="1.8984375" style="2" customWidth="1"/>
    <col min="5438" max="5632" width="9" style="2"/>
    <col min="5633" max="5633" width="1.8984375" style="2" customWidth="1"/>
    <col min="5634" max="5634" width="3.09765625" style="2" customWidth="1"/>
    <col min="5635" max="5693" width="1.8984375" style="2" customWidth="1"/>
    <col min="5694" max="5888" width="9" style="2"/>
    <col min="5889" max="5889" width="1.8984375" style="2" customWidth="1"/>
    <col min="5890" max="5890" width="3.09765625" style="2" customWidth="1"/>
    <col min="5891" max="5949" width="1.8984375" style="2" customWidth="1"/>
    <col min="5950" max="6144" width="9" style="2"/>
    <col min="6145" max="6145" width="1.8984375" style="2" customWidth="1"/>
    <col min="6146" max="6146" width="3.09765625" style="2" customWidth="1"/>
    <col min="6147" max="6205" width="1.8984375" style="2" customWidth="1"/>
    <col min="6206" max="6400" width="9" style="2"/>
    <col min="6401" max="6401" width="1.8984375" style="2" customWidth="1"/>
    <col min="6402" max="6402" width="3.09765625" style="2" customWidth="1"/>
    <col min="6403" max="6461" width="1.8984375" style="2" customWidth="1"/>
    <col min="6462" max="6656" width="9" style="2"/>
    <col min="6657" max="6657" width="1.8984375" style="2" customWidth="1"/>
    <col min="6658" max="6658" width="3.09765625" style="2" customWidth="1"/>
    <col min="6659" max="6717" width="1.8984375" style="2" customWidth="1"/>
    <col min="6718" max="6912" width="9" style="2"/>
    <col min="6913" max="6913" width="1.8984375" style="2" customWidth="1"/>
    <col min="6914" max="6914" width="3.09765625" style="2" customWidth="1"/>
    <col min="6915" max="6973" width="1.8984375" style="2" customWidth="1"/>
    <col min="6974" max="7168" width="9" style="2"/>
    <col min="7169" max="7169" width="1.8984375" style="2" customWidth="1"/>
    <col min="7170" max="7170" width="3.09765625" style="2" customWidth="1"/>
    <col min="7171" max="7229" width="1.8984375" style="2" customWidth="1"/>
    <col min="7230" max="7424" width="9" style="2"/>
    <col min="7425" max="7425" width="1.8984375" style="2" customWidth="1"/>
    <col min="7426" max="7426" width="3.09765625" style="2" customWidth="1"/>
    <col min="7427" max="7485" width="1.8984375" style="2" customWidth="1"/>
    <col min="7486" max="7680" width="9" style="2"/>
    <col min="7681" max="7681" width="1.8984375" style="2" customWidth="1"/>
    <col min="7682" max="7682" width="3.09765625" style="2" customWidth="1"/>
    <col min="7683" max="7741" width="1.8984375" style="2" customWidth="1"/>
    <col min="7742" max="7936" width="9" style="2"/>
    <col min="7937" max="7937" width="1.8984375" style="2" customWidth="1"/>
    <col min="7938" max="7938" width="3.09765625" style="2" customWidth="1"/>
    <col min="7939" max="7997" width="1.8984375" style="2" customWidth="1"/>
    <col min="7998" max="8192" width="9" style="2"/>
    <col min="8193" max="8193" width="1.8984375" style="2" customWidth="1"/>
    <col min="8194" max="8194" width="3.09765625" style="2" customWidth="1"/>
    <col min="8195" max="8253" width="1.8984375" style="2" customWidth="1"/>
    <col min="8254" max="8448" width="9" style="2"/>
    <col min="8449" max="8449" width="1.8984375" style="2" customWidth="1"/>
    <col min="8450" max="8450" width="3.09765625" style="2" customWidth="1"/>
    <col min="8451" max="8509" width="1.8984375" style="2" customWidth="1"/>
    <col min="8510" max="8704" width="9" style="2"/>
    <col min="8705" max="8705" width="1.8984375" style="2" customWidth="1"/>
    <col min="8706" max="8706" width="3.09765625" style="2" customWidth="1"/>
    <col min="8707" max="8765" width="1.8984375" style="2" customWidth="1"/>
    <col min="8766" max="8960" width="9" style="2"/>
    <col min="8961" max="8961" width="1.8984375" style="2" customWidth="1"/>
    <col min="8962" max="8962" width="3.09765625" style="2" customWidth="1"/>
    <col min="8963" max="9021" width="1.8984375" style="2" customWidth="1"/>
    <col min="9022" max="9216" width="9" style="2"/>
    <col min="9217" max="9217" width="1.8984375" style="2" customWidth="1"/>
    <col min="9218" max="9218" width="3.09765625" style="2" customWidth="1"/>
    <col min="9219" max="9277" width="1.8984375" style="2" customWidth="1"/>
    <col min="9278" max="9472" width="9" style="2"/>
    <col min="9473" max="9473" width="1.8984375" style="2" customWidth="1"/>
    <col min="9474" max="9474" width="3.09765625" style="2" customWidth="1"/>
    <col min="9475" max="9533" width="1.8984375" style="2" customWidth="1"/>
    <col min="9534" max="9728" width="9" style="2"/>
    <col min="9729" max="9729" width="1.8984375" style="2" customWidth="1"/>
    <col min="9730" max="9730" width="3.09765625" style="2" customWidth="1"/>
    <col min="9731" max="9789" width="1.8984375" style="2" customWidth="1"/>
    <col min="9790" max="9984" width="9" style="2"/>
    <col min="9985" max="9985" width="1.8984375" style="2" customWidth="1"/>
    <col min="9986" max="9986" width="3.09765625" style="2" customWidth="1"/>
    <col min="9987" max="10045" width="1.8984375" style="2" customWidth="1"/>
    <col min="10046" max="10240" width="9" style="2"/>
    <col min="10241" max="10241" width="1.8984375" style="2" customWidth="1"/>
    <col min="10242" max="10242" width="3.09765625" style="2" customWidth="1"/>
    <col min="10243" max="10301" width="1.8984375" style="2" customWidth="1"/>
    <col min="10302" max="10496" width="9" style="2"/>
    <col min="10497" max="10497" width="1.8984375" style="2" customWidth="1"/>
    <col min="10498" max="10498" width="3.09765625" style="2" customWidth="1"/>
    <col min="10499" max="10557" width="1.8984375" style="2" customWidth="1"/>
    <col min="10558" max="10752" width="9" style="2"/>
    <col min="10753" max="10753" width="1.8984375" style="2" customWidth="1"/>
    <col min="10754" max="10754" width="3.09765625" style="2" customWidth="1"/>
    <col min="10755" max="10813" width="1.8984375" style="2" customWidth="1"/>
    <col min="10814" max="11008" width="9" style="2"/>
    <col min="11009" max="11009" width="1.8984375" style="2" customWidth="1"/>
    <col min="11010" max="11010" width="3.09765625" style="2" customWidth="1"/>
    <col min="11011" max="11069" width="1.8984375" style="2" customWidth="1"/>
    <col min="11070" max="11264" width="9" style="2"/>
    <col min="11265" max="11265" width="1.8984375" style="2" customWidth="1"/>
    <col min="11266" max="11266" width="3.09765625" style="2" customWidth="1"/>
    <col min="11267" max="11325" width="1.8984375" style="2" customWidth="1"/>
    <col min="11326" max="11520" width="9" style="2"/>
    <col min="11521" max="11521" width="1.8984375" style="2" customWidth="1"/>
    <col min="11522" max="11522" width="3.09765625" style="2" customWidth="1"/>
    <col min="11523" max="11581" width="1.8984375" style="2" customWidth="1"/>
    <col min="11582" max="11776" width="9" style="2"/>
    <col min="11777" max="11777" width="1.8984375" style="2" customWidth="1"/>
    <col min="11778" max="11778" width="3.09765625" style="2" customWidth="1"/>
    <col min="11779" max="11837" width="1.8984375" style="2" customWidth="1"/>
    <col min="11838" max="12032" width="9" style="2"/>
    <col min="12033" max="12033" width="1.8984375" style="2" customWidth="1"/>
    <col min="12034" max="12034" width="3.09765625" style="2" customWidth="1"/>
    <col min="12035" max="12093" width="1.8984375" style="2" customWidth="1"/>
    <col min="12094" max="12288" width="9" style="2"/>
    <col min="12289" max="12289" width="1.8984375" style="2" customWidth="1"/>
    <col min="12290" max="12290" width="3.09765625" style="2" customWidth="1"/>
    <col min="12291" max="12349" width="1.8984375" style="2" customWidth="1"/>
    <col min="12350" max="12544" width="9" style="2"/>
    <col min="12545" max="12545" width="1.8984375" style="2" customWidth="1"/>
    <col min="12546" max="12546" width="3.09765625" style="2" customWidth="1"/>
    <col min="12547" max="12605" width="1.8984375" style="2" customWidth="1"/>
    <col min="12606" max="12800" width="9" style="2"/>
    <col min="12801" max="12801" width="1.8984375" style="2" customWidth="1"/>
    <col min="12802" max="12802" width="3.09765625" style="2" customWidth="1"/>
    <col min="12803" max="12861" width="1.8984375" style="2" customWidth="1"/>
    <col min="12862" max="13056" width="9" style="2"/>
    <col min="13057" max="13057" width="1.8984375" style="2" customWidth="1"/>
    <col min="13058" max="13058" width="3.09765625" style="2" customWidth="1"/>
    <col min="13059" max="13117" width="1.8984375" style="2" customWidth="1"/>
    <col min="13118" max="13312" width="9" style="2"/>
    <col min="13313" max="13313" width="1.8984375" style="2" customWidth="1"/>
    <col min="13314" max="13314" width="3.09765625" style="2" customWidth="1"/>
    <col min="13315" max="13373" width="1.8984375" style="2" customWidth="1"/>
    <col min="13374" max="13568" width="9" style="2"/>
    <col min="13569" max="13569" width="1.8984375" style="2" customWidth="1"/>
    <col min="13570" max="13570" width="3.09765625" style="2" customWidth="1"/>
    <col min="13571" max="13629" width="1.8984375" style="2" customWidth="1"/>
    <col min="13630" max="13824" width="9" style="2"/>
    <col min="13825" max="13825" width="1.8984375" style="2" customWidth="1"/>
    <col min="13826" max="13826" width="3.09765625" style="2" customWidth="1"/>
    <col min="13827" max="13885" width="1.8984375" style="2" customWidth="1"/>
    <col min="13886" max="14080" width="9" style="2"/>
    <col min="14081" max="14081" width="1.8984375" style="2" customWidth="1"/>
    <col min="14082" max="14082" width="3.09765625" style="2" customWidth="1"/>
    <col min="14083" max="14141" width="1.8984375" style="2" customWidth="1"/>
    <col min="14142" max="14336" width="9" style="2"/>
    <col min="14337" max="14337" width="1.8984375" style="2" customWidth="1"/>
    <col min="14338" max="14338" width="3.09765625" style="2" customWidth="1"/>
    <col min="14339" max="14397" width="1.8984375" style="2" customWidth="1"/>
    <col min="14398" max="14592" width="9" style="2"/>
    <col min="14593" max="14593" width="1.8984375" style="2" customWidth="1"/>
    <col min="14594" max="14594" width="3.09765625" style="2" customWidth="1"/>
    <col min="14595" max="14653" width="1.8984375" style="2" customWidth="1"/>
    <col min="14654" max="14848" width="9" style="2"/>
    <col min="14849" max="14849" width="1.8984375" style="2" customWidth="1"/>
    <col min="14850" max="14850" width="3.09765625" style="2" customWidth="1"/>
    <col min="14851" max="14909" width="1.8984375" style="2" customWidth="1"/>
    <col min="14910" max="15104" width="9" style="2"/>
    <col min="15105" max="15105" width="1.8984375" style="2" customWidth="1"/>
    <col min="15106" max="15106" width="3.09765625" style="2" customWidth="1"/>
    <col min="15107" max="15165" width="1.8984375" style="2" customWidth="1"/>
    <col min="15166" max="15360" width="9" style="2"/>
    <col min="15361" max="15361" width="1.8984375" style="2" customWidth="1"/>
    <col min="15362" max="15362" width="3.09765625" style="2" customWidth="1"/>
    <col min="15363" max="15421" width="1.8984375" style="2" customWidth="1"/>
    <col min="15422" max="15616" width="9" style="2"/>
    <col min="15617" max="15617" width="1.8984375" style="2" customWidth="1"/>
    <col min="15618" max="15618" width="3.09765625" style="2" customWidth="1"/>
    <col min="15619" max="15677" width="1.8984375" style="2" customWidth="1"/>
    <col min="15678" max="15872" width="9" style="2"/>
    <col min="15873" max="15873" width="1.8984375" style="2" customWidth="1"/>
    <col min="15874" max="15874" width="3.09765625" style="2" customWidth="1"/>
    <col min="15875" max="15933" width="1.8984375" style="2" customWidth="1"/>
    <col min="15934" max="16128" width="9" style="2"/>
    <col min="16129" max="16129" width="1.8984375" style="2" customWidth="1"/>
    <col min="16130" max="16130" width="3.09765625" style="2" customWidth="1"/>
    <col min="16131" max="16189" width="1.8984375" style="2" customWidth="1"/>
    <col min="16190" max="16384" width="9" style="2"/>
  </cols>
  <sheetData>
    <row r="1" spans="1:61" ht="6.75" customHeight="1" x14ac:dyDescent="0.45"/>
    <row r="2" spans="1:61" ht="27" x14ac:dyDescent="0.45">
      <c r="A2" s="176" t="s">
        <v>234</v>
      </c>
      <c r="B2" s="176"/>
      <c r="C2" s="176"/>
      <c r="D2" s="176"/>
      <c r="E2" s="176"/>
      <c r="F2" s="176"/>
      <c r="G2" s="176"/>
      <c r="H2" s="176"/>
      <c r="I2" s="176"/>
      <c r="J2" s="176"/>
      <c r="K2" s="176"/>
      <c r="L2" s="176"/>
      <c r="M2" s="176"/>
      <c r="N2" s="176"/>
      <c r="O2" s="176"/>
      <c r="P2" s="176"/>
      <c r="Q2" s="176"/>
      <c r="R2" s="176"/>
      <c r="S2" s="176"/>
      <c r="T2" s="176"/>
      <c r="U2" s="176"/>
      <c r="V2" s="176"/>
      <c r="W2" s="176"/>
      <c r="X2" s="176"/>
      <c r="Y2" s="176"/>
      <c r="Z2" s="176"/>
      <c r="AA2" s="176"/>
      <c r="AB2" s="176"/>
      <c r="AC2" s="176"/>
      <c r="AD2" s="176"/>
      <c r="AE2" s="176"/>
      <c r="AF2" s="176"/>
      <c r="AG2" s="176"/>
      <c r="AH2" s="176"/>
      <c r="AI2" s="176"/>
      <c r="AJ2" s="176"/>
      <c r="AK2" s="176"/>
      <c r="AL2" s="176"/>
      <c r="AM2" s="176"/>
      <c r="AN2" s="176"/>
      <c r="AO2" s="176"/>
      <c r="AP2" s="176"/>
      <c r="AQ2" s="176"/>
      <c r="AR2" s="176"/>
      <c r="AS2" s="176"/>
      <c r="AT2" s="176"/>
      <c r="AU2" s="176"/>
      <c r="AV2" s="176"/>
      <c r="AW2" s="176"/>
      <c r="AX2" s="176"/>
      <c r="AY2" s="176"/>
      <c r="AZ2" s="176"/>
      <c r="BA2" s="176"/>
      <c r="BB2" s="176"/>
      <c r="BC2" s="176"/>
      <c r="BD2" s="176"/>
      <c r="BE2" s="176"/>
      <c r="BF2" s="176"/>
      <c r="BG2" s="176"/>
      <c r="BH2" s="176"/>
      <c r="BI2" s="176"/>
    </row>
    <row r="3" spans="1:61" ht="9.9" customHeight="1" x14ac:dyDescent="0.45"/>
    <row r="4" spans="1:61" ht="9.9" customHeight="1" x14ac:dyDescent="0.45"/>
    <row r="5" spans="1:61" ht="9.9" customHeight="1" x14ac:dyDescent="0.45"/>
    <row r="6" spans="1:61" ht="20.100000000000001" customHeight="1" thickBot="1" x14ac:dyDescent="0.5">
      <c r="E6" s="45" t="s">
        <v>127</v>
      </c>
      <c r="F6" s="44"/>
      <c r="S6" s="43"/>
      <c r="Y6" s="43" t="s">
        <v>221</v>
      </c>
      <c r="AP6" s="43" t="s">
        <v>230</v>
      </c>
      <c r="AR6" s="43"/>
      <c r="AT6" s="43"/>
    </row>
    <row r="7" spans="1:61" ht="17.25" customHeight="1" x14ac:dyDescent="0.45">
      <c r="E7" s="177"/>
      <c r="F7" s="178"/>
      <c r="G7" s="178"/>
      <c r="H7" s="178"/>
      <c r="I7" s="178"/>
      <c r="J7" s="178"/>
      <c r="K7" s="178"/>
      <c r="L7" s="178"/>
      <c r="M7" s="178"/>
      <c r="N7" s="179">
        <v>1</v>
      </c>
      <c r="O7" s="179"/>
      <c r="P7" s="179"/>
      <c r="Q7" s="179"/>
      <c r="R7" s="179"/>
      <c r="S7" s="179"/>
      <c r="T7" s="179"/>
      <c r="U7" s="179"/>
      <c r="V7" s="179"/>
      <c r="W7" s="179"/>
      <c r="X7" s="179"/>
      <c r="Y7" s="179">
        <v>2</v>
      </c>
      <c r="Z7" s="179"/>
      <c r="AA7" s="179"/>
      <c r="AB7" s="179"/>
      <c r="AC7" s="179"/>
      <c r="AD7" s="179"/>
      <c r="AE7" s="179"/>
      <c r="AF7" s="179"/>
      <c r="AG7" s="179"/>
      <c r="AH7" s="179"/>
      <c r="AI7" s="179"/>
      <c r="AJ7" s="179">
        <v>3</v>
      </c>
      <c r="AK7" s="179"/>
      <c r="AL7" s="179"/>
      <c r="AM7" s="179"/>
      <c r="AN7" s="179"/>
      <c r="AO7" s="179"/>
      <c r="AP7" s="179"/>
      <c r="AQ7" s="179"/>
      <c r="AR7" s="179"/>
      <c r="AS7" s="179"/>
      <c r="AT7" s="179"/>
      <c r="AU7" s="179">
        <v>4</v>
      </c>
      <c r="AV7" s="179"/>
      <c r="AW7" s="179"/>
      <c r="AX7" s="179"/>
      <c r="AY7" s="179"/>
      <c r="AZ7" s="179"/>
      <c r="BA7" s="179"/>
      <c r="BB7" s="179"/>
      <c r="BC7" s="179"/>
      <c r="BD7" s="179"/>
      <c r="BE7" s="180"/>
    </row>
    <row r="8" spans="1:61" ht="24.75" customHeight="1" x14ac:dyDescent="0.45">
      <c r="E8" s="153" t="s">
        <v>126</v>
      </c>
      <c r="F8" s="154"/>
      <c r="G8" s="154"/>
      <c r="H8" s="154"/>
      <c r="I8" s="154"/>
      <c r="J8" s="154"/>
      <c r="K8" s="154"/>
      <c r="L8" s="154"/>
      <c r="M8" s="154"/>
      <c r="N8" s="155" t="s">
        <v>125</v>
      </c>
      <c r="O8" s="155"/>
      <c r="P8" s="155"/>
      <c r="Q8" s="155"/>
      <c r="R8" s="155"/>
      <c r="S8" s="155"/>
      <c r="T8" s="155"/>
      <c r="U8" s="155"/>
      <c r="V8" s="155"/>
      <c r="W8" s="155"/>
      <c r="X8" s="155"/>
      <c r="Y8" s="155" t="s">
        <v>124</v>
      </c>
      <c r="Z8" s="155"/>
      <c r="AA8" s="155"/>
      <c r="AB8" s="155"/>
      <c r="AC8" s="155"/>
      <c r="AD8" s="155"/>
      <c r="AE8" s="155"/>
      <c r="AF8" s="155"/>
      <c r="AG8" s="155"/>
      <c r="AH8" s="155"/>
      <c r="AI8" s="155"/>
      <c r="AJ8" s="155" t="s">
        <v>123</v>
      </c>
      <c r="AK8" s="155"/>
      <c r="AL8" s="155"/>
      <c r="AM8" s="155"/>
      <c r="AN8" s="155"/>
      <c r="AO8" s="155"/>
      <c r="AP8" s="155"/>
      <c r="AQ8" s="155"/>
      <c r="AR8" s="155"/>
      <c r="AS8" s="155"/>
      <c r="AT8" s="155"/>
      <c r="AU8" s="155" t="s">
        <v>122</v>
      </c>
      <c r="AV8" s="155"/>
      <c r="AW8" s="155"/>
      <c r="AX8" s="155"/>
      <c r="AY8" s="155"/>
      <c r="AZ8" s="155"/>
      <c r="BA8" s="155"/>
      <c r="BB8" s="155"/>
      <c r="BC8" s="155"/>
      <c r="BD8" s="155"/>
      <c r="BE8" s="171"/>
    </row>
    <row r="9" spans="1:61" ht="24.75" customHeight="1" x14ac:dyDescent="0.45">
      <c r="E9" s="153" t="s">
        <v>121</v>
      </c>
      <c r="F9" s="154"/>
      <c r="G9" s="154"/>
      <c r="H9" s="154"/>
      <c r="I9" s="154"/>
      <c r="J9" s="154"/>
      <c r="K9" s="154"/>
      <c r="L9" s="154"/>
      <c r="M9" s="154"/>
      <c r="N9" s="155" t="s">
        <v>120</v>
      </c>
      <c r="O9" s="155"/>
      <c r="P9" s="155"/>
      <c r="Q9" s="155"/>
      <c r="R9" s="155"/>
      <c r="S9" s="155"/>
      <c r="T9" s="155"/>
      <c r="U9" s="155"/>
      <c r="V9" s="155"/>
      <c r="W9" s="155"/>
      <c r="X9" s="155"/>
      <c r="Y9" s="155" t="s">
        <v>119</v>
      </c>
      <c r="Z9" s="155"/>
      <c r="AA9" s="155"/>
      <c r="AB9" s="155"/>
      <c r="AC9" s="155"/>
      <c r="AD9" s="155"/>
      <c r="AE9" s="155"/>
      <c r="AF9" s="155"/>
      <c r="AG9" s="155"/>
      <c r="AH9" s="155"/>
      <c r="AI9" s="155"/>
      <c r="AJ9" s="155" t="s">
        <v>118</v>
      </c>
      <c r="AK9" s="155"/>
      <c r="AL9" s="155"/>
      <c r="AM9" s="155"/>
      <c r="AN9" s="155"/>
      <c r="AO9" s="155"/>
      <c r="AP9" s="155"/>
      <c r="AQ9" s="155"/>
      <c r="AR9" s="155"/>
      <c r="AS9" s="155"/>
      <c r="AT9" s="155"/>
      <c r="AU9" s="155" t="s">
        <v>117</v>
      </c>
      <c r="AV9" s="155"/>
      <c r="AW9" s="155"/>
      <c r="AX9" s="155"/>
      <c r="AY9" s="155"/>
      <c r="AZ9" s="155"/>
      <c r="BA9" s="155"/>
      <c r="BB9" s="155"/>
      <c r="BC9" s="155"/>
      <c r="BD9" s="155"/>
      <c r="BE9" s="171"/>
    </row>
    <row r="10" spans="1:61" ht="24.75" customHeight="1" x14ac:dyDescent="0.45">
      <c r="E10" s="153" t="s">
        <v>116</v>
      </c>
      <c r="F10" s="154"/>
      <c r="G10" s="154"/>
      <c r="H10" s="154"/>
      <c r="I10" s="154"/>
      <c r="J10" s="154"/>
      <c r="K10" s="154"/>
      <c r="L10" s="154"/>
      <c r="M10" s="154"/>
      <c r="N10" s="155" t="s">
        <v>115</v>
      </c>
      <c r="O10" s="155"/>
      <c r="P10" s="155"/>
      <c r="Q10" s="155"/>
      <c r="R10" s="155"/>
      <c r="S10" s="155"/>
      <c r="T10" s="155"/>
      <c r="U10" s="155"/>
      <c r="V10" s="155"/>
      <c r="W10" s="155"/>
      <c r="X10" s="155"/>
      <c r="Y10" s="155" t="s">
        <v>114</v>
      </c>
      <c r="Z10" s="155"/>
      <c r="AA10" s="155"/>
      <c r="AB10" s="155"/>
      <c r="AC10" s="155"/>
      <c r="AD10" s="155"/>
      <c r="AE10" s="155"/>
      <c r="AF10" s="155"/>
      <c r="AG10" s="155"/>
      <c r="AH10" s="155"/>
      <c r="AI10" s="155"/>
      <c r="AJ10" s="155" t="s">
        <v>229</v>
      </c>
      <c r="AK10" s="155"/>
      <c r="AL10" s="155"/>
      <c r="AM10" s="155"/>
      <c r="AN10" s="155"/>
      <c r="AO10" s="155"/>
      <c r="AP10" s="155"/>
      <c r="AQ10" s="155"/>
      <c r="AR10" s="155"/>
      <c r="AS10" s="155"/>
      <c r="AT10" s="155"/>
      <c r="AU10" s="155" t="s">
        <v>222</v>
      </c>
      <c r="AV10" s="155"/>
      <c r="AW10" s="155"/>
      <c r="AX10" s="155"/>
      <c r="AY10" s="155"/>
      <c r="AZ10" s="155"/>
      <c r="BA10" s="155"/>
      <c r="BB10" s="155"/>
      <c r="BC10" s="155"/>
      <c r="BD10" s="155"/>
      <c r="BE10" s="171"/>
    </row>
    <row r="11" spans="1:61" ht="24.75" customHeight="1" thickBot="1" x14ac:dyDescent="0.5">
      <c r="E11" s="174" t="s">
        <v>113</v>
      </c>
      <c r="F11" s="175"/>
      <c r="G11" s="175"/>
      <c r="H11" s="175"/>
      <c r="I11" s="175"/>
      <c r="J11" s="175"/>
      <c r="K11" s="175"/>
      <c r="L11" s="175"/>
      <c r="M11" s="175"/>
      <c r="N11" s="156" t="s">
        <v>112</v>
      </c>
      <c r="O11" s="156"/>
      <c r="P11" s="156"/>
      <c r="Q11" s="156"/>
      <c r="R11" s="156"/>
      <c r="S11" s="156"/>
      <c r="T11" s="156"/>
      <c r="U11" s="156"/>
      <c r="V11" s="156"/>
      <c r="W11" s="156"/>
      <c r="X11" s="156"/>
      <c r="Y11" s="156" t="s">
        <v>111</v>
      </c>
      <c r="Z11" s="156"/>
      <c r="AA11" s="156"/>
      <c r="AB11" s="156"/>
      <c r="AC11" s="156"/>
      <c r="AD11" s="156"/>
      <c r="AE11" s="156"/>
      <c r="AF11" s="156"/>
      <c r="AG11" s="156"/>
      <c r="AH11" s="156"/>
      <c r="AI11" s="156"/>
      <c r="AJ11" s="172" t="s">
        <v>110</v>
      </c>
      <c r="AK11" s="172"/>
      <c r="AL11" s="172"/>
      <c r="AM11" s="172"/>
      <c r="AN11" s="172"/>
      <c r="AO11" s="172"/>
      <c r="AP11" s="172"/>
      <c r="AQ11" s="172"/>
      <c r="AR11" s="172"/>
      <c r="AS11" s="172"/>
      <c r="AT11" s="172"/>
      <c r="AU11" s="156" t="s">
        <v>223</v>
      </c>
      <c r="AV11" s="156"/>
      <c r="AW11" s="156"/>
      <c r="AX11" s="156"/>
      <c r="AY11" s="156"/>
      <c r="AZ11" s="156"/>
      <c r="BA11" s="156"/>
      <c r="BB11" s="156"/>
      <c r="BC11" s="156"/>
      <c r="BD11" s="156"/>
      <c r="BE11" s="173"/>
    </row>
    <row r="12" spans="1:61" ht="15" customHeight="1" x14ac:dyDescent="0.45"/>
    <row r="13" spans="1:61" ht="15" customHeight="1" thickBot="1" x14ac:dyDescent="0.5"/>
    <row r="14" spans="1:61" ht="21.75" customHeight="1" thickBot="1" x14ac:dyDescent="0.5">
      <c r="F14" s="157" t="s">
        <v>109</v>
      </c>
      <c r="G14" s="158"/>
      <c r="H14" s="158"/>
      <c r="I14" s="158"/>
      <c r="J14" s="158"/>
      <c r="K14" s="158"/>
      <c r="L14" s="158"/>
      <c r="M14" s="158"/>
      <c r="N14" s="158"/>
      <c r="O14" s="158"/>
      <c r="P14" s="158"/>
      <c r="Q14" s="158"/>
      <c r="R14" s="158"/>
      <c r="S14" s="158"/>
      <c r="T14" s="158"/>
      <c r="U14" s="158"/>
      <c r="V14" s="158"/>
      <c r="W14" s="158"/>
      <c r="X14" s="158"/>
      <c r="Y14" s="158"/>
      <c r="Z14" s="158"/>
      <c r="AA14" s="158"/>
      <c r="AB14" s="158"/>
      <c r="AC14" s="158"/>
      <c r="AD14" s="158"/>
      <c r="AE14" s="158"/>
      <c r="AF14" s="158"/>
      <c r="AG14" s="159"/>
      <c r="AH14" s="157" t="s">
        <v>108</v>
      </c>
      <c r="AI14" s="158"/>
      <c r="AJ14" s="158"/>
      <c r="AK14" s="158"/>
      <c r="AL14" s="158"/>
      <c r="AM14" s="158"/>
      <c r="AN14" s="158"/>
      <c r="AO14" s="158"/>
      <c r="AP14" s="158"/>
      <c r="AQ14" s="158"/>
      <c r="AR14" s="158"/>
      <c r="AS14" s="158"/>
      <c r="AT14" s="158"/>
      <c r="AU14" s="158"/>
      <c r="AV14" s="158"/>
      <c r="AW14" s="158"/>
      <c r="AX14" s="158"/>
      <c r="AY14" s="158"/>
      <c r="AZ14" s="158"/>
      <c r="BA14" s="158"/>
      <c r="BB14" s="158"/>
      <c r="BC14" s="158"/>
      <c r="BD14" s="158"/>
      <c r="BE14" s="158"/>
      <c r="BF14" s="158"/>
      <c r="BG14" s="158"/>
      <c r="BH14" s="158"/>
      <c r="BI14" s="159"/>
    </row>
    <row r="15" spans="1:61" ht="21.75" customHeight="1" thickBot="1" x14ac:dyDescent="0.5">
      <c r="C15" s="160" t="s">
        <v>107</v>
      </c>
      <c r="D15" s="161"/>
      <c r="E15" s="162"/>
      <c r="F15" s="163" t="s">
        <v>106</v>
      </c>
      <c r="G15" s="164"/>
      <c r="H15" s="164"/>
      <c r="I15" s="164"/>
      <c r="J15" s="164"/>
      <c r="K15" s="164"/>
      <c r="L15" s="164"/>
      <c r="M15" s="164"/>
      <c r="N15" s="164"/>
      <c r="O15" s="164"/>
      <c r="P15" s="164"/>
      <c r="Q15" s="164"/>
      <c r="R15" s="164"/>
      <c r="S15" s="164"/>
      <c r="T15" s="164"/>
      <c r="U15" s="164"/>
      <c r="V15" s="164"/>
      <c r="W15" s="164"/>
      <c r="X15" s="164"/>
      <c r="Y15" s="164"/>
      <c r="Z15" s="164"/>
      <c r="AA15" s="164"/>
      <c r="AB15" s="164"/>
      <c r="AC15" s="165" t="s">
        <v>105</v>
      </c>
      <c r="AD15" s="166"/>
      <c r="AE15" s="166"/>
      <c r="AF15" s="166"/>
      <c r="AG15" s="167"/>
      <c r="AH15" s="168" t="s">
        <v>106</v>
      </c>
      <c r="AI15" s="169"/>
      <c r="AJ15" s="169"/>
      <c r="AK15" s="169"/>
      <c r="AL15" s="169"/>
      <c r="AM15" s="169"/>
      <c r="AN15" s="169"/>
      <c r="AO15" s="169"/>
      <c r="AP15" s="169"/>
      <c r="AQ15" s="169"/>
      <c r="AR15" s="169"/>
      <c r="AS15" s="169"/>
      <c r="AT15" s="169"/>
      <c r="AU15" s="169"/>
      <c r="AV15" s="169"/>
      <c r="AW15" s="169"/>
      <c r="AX15" s="169"/>
      <c r="AY15" s="169"/>
      <c r="AZ15" s="169"/>
      <c r="BA15" s="169"/>
      <c r="BB15" s="169"/>
      <c r="BC15" s="169"/>
      <c r="BD15" s="170"/>
      <c r="BE15" s="165" t="s">
        <v>105</v>
      </c>
      <c r="BF15" s="166"/>
      <c r="BG15" s="166"/>
      <c r="BH15" s="166"/>
      <c r="BI15" s="167"/>
    </row>
    <row r="16" spans="1:61" ht="27.75" customHeight="1" x14ac:dyDescent="0.45">
      <c r="B16" s="113" t="s">
        <v>104</v>
      </c>
      <c r="C16" s="147">
        <v>0.41666666666666669</v>
      </c>
      <c r="D16" s="148"/>
      <c r="E16" s="149"/>
      <c r="F16" s="139" t="s">
        <v>99</v>
      </c>
      <c r="G16" s="138"/>
      <c r="H16" s="138"/>
      <c r="I16" s="145" t="str">
        <f>+N8</f>
        <v>東部支部１</v>
      </c>
      <c r="J16" s="145"/>
      <c r="K16" s="145"/>
      <c r="L16" s="145"/>
      <c r="M16" s="145"/>
      <c r="N16" s="146"/>
      <c r="O16" s="138"/>
      <c r="P16" s="138"/>
      <c r="Q16" s="42" t="s">
        <v>75</v>
      </c>
      <c r="R16" s="138"/>
      <c r="S16" s="138"/>
      <c r="T16" s="139" t="s">
        <v>103</v>
      </c>
      <c r="U16" s="138"/>
      <c r="V16" s="138"/>
      <c r="W16" s="140" t="str">
        <f>+Y8</f>
        <v>中部支部１</v>
      </c>
      <c r="X16" s="140"/>
      <c r="Y16" s="140"/>
      <c r="Z16" s="140"/>
      <c r="AA16" s="140"/>
      <c r="AB16" s="140"/>
      <c r="AC16" s="150" t="str">
        <f>+AJ8</f>
        <v>中西支部２</v>
      </c>
      <c r="AD16" s="151"/>
      <c r="AE16" s="151"/>
      <c r="AF16" s="151"/>
      <c r="AG16" s="152"/>
      <c r="AH16" s="144" t="s">
        <v>97</v>
      </c>
      <c r="AI16" s="138"/>
      <c r="AJ16" s="138"/>
      <c r="AK16" s="145" t="str">
        <f>+N10</f>
        <v>東部支部３</v>
      </c>
      <c r="AL16" s="145"/>
      <c r="AM16" s="145"/>
      <c r="AN16" s="145"/>
      <c r="AO16" s="145"/>
      <c r="AP16" s="146"/>
      <c r="AQ16" s="138"/>
      <c r="AR16" s="138"/>
      <c r="AS16" s="42" t="s">
        <v>75</v>
      </c>
      <c r="AT16" s="138"/>
      <c r="AU16" s="138"/>
      <c r="AV16" s="139" t="s">
        <v>101</v>
      </c>
      <c r="AW16" s="138"/>
      <c r="AX16" s="138"/>
      <c r="AY16" s="140" t="str">
        <f>+Y10</f>
        <v>中部支部３</v>
      </c>
      <c r="AZ16" s="140"/>
      <c r="BA16" s="140"/>
      <c r="BB16" s="140"/>
      <c r="BC16" s="140"/>
      <c r="BD16" s="141"/>
      <c r="BE16" s="142" t="str">
        <f>+AJ10</f>
        <v>中西支部４</v>
      </c>
      <c r="BF16" s="142"/>
      <c r="BG16" s="142"/>
      <c r="BH16" s="142"/>
      <c r="BI16" s="143"/>
    </row>
    <row r="17" spans="2:61" ht="27.75" customHeight="1" x14ac:dyDescent="0.45">
      <c r="B17" s="114"/>
      <c r="C17" s="122">
        <v>0.43055555555555558</v>
      </c>
      <c r="D17" s="123"/>
      <c r="E17" s="124"/>
      <c r="F17" s="137" t="s">
        <v>98</v>
      </c>
      <c r="G17" s="127"/>
      <c r="H17" s="127"/>
      <c r="I17" s="125" t="str">
        <f>+AJ8</f>
        <v>中西支部２</v>
      </c>
      <c r="J17" s="125"/>
      <c r="K17" s="125"/>
      <c r="L17" s="125"/>
      <c r="M17" s="125"/>
      <c r="N17" s="126"/>
      <c r="O17" s="127"/>
      <c r="P17" s="127"/>
      <c r="Q17" s="38" t="s">
        <v>75</v>
      </c>
      <c r="R17" s="127"/>
      <c r="S17" s="127"/>
      <c r="T17" s="39"/>
      <c r="U17" s="38" t="s">
        <v>102</v>
      </c>
      <c r="V17" s="37"/>
      <c r="W17" s="128" t="str">
        <f>+AU8</f>
        <v>西部支部２</v>
      </c>
      <c r="X17" s="128"/>
      <c r="Y17" s="128"/>
      <c r="Z17" s="128"/>
      <c r="AA17" s="128"/>
      <c r="AB17" s="128"/>
      <c r="AC17" s="129" t="str">
        <f>+N8</f>
        <v>東部支部１</v>
      </c>
      <c r="AD17" s="130"/>
      <c r="AE17" s="130"/>
      <c r="AF17" s="130"/>
      <c r="AG17" s="131"/>
      <c r="AH17" s="40"/>
      <c r="AI17" s="38" t="s">
        <v>96</v>
      </c>
      <c r="AJ17" s="37"/>
      <c r="AK17" s="125" t="str">
        <f>+AJ10</f>
        <v>中西支部４</v>
      </c>
      <c r="AL17" s="125"/>
      <c r="AM17" s="125"/>
      <c r="AN17" s="125"/>
      <c r="AO17" s="125"/>
      <c r="AP17" s="126"/>
      <c r="AQ17" s="127"/>
      <c r="AR17" s="127"/>
      <c r="AS17" s="38" t="s">
        <v>75</v>
      </c>
      <c r="AT17" s="127"/>
      <c r="AU17" s="127"/>
      <c r="AV17" s="39"/>
      <c r="AW17" s="38" t="s">
        <v>100</v>
      </c>
      <c r="AX17" s="37"/>
      <c r="AY17" s="128" t="str">
        <f>+AU10</f>
        <v>西部支部４</v>
      </c>
      <c r="AZ17" s="128"/>
      <c r="BA17" s="128"/>
      <c r="BB17" s="128"/>
      <c r="BC17" s="128"/>
      <c r="BD17" s="136"/>
      <c r="BE17" s="130" t="str">
        <f>+N10</f>
        <v>東部支部３</v>
      </c>
      <c r="BF17" s="130"/>
      <c r="BG17" s="130"/>
      <c r="BH17" s="130"/>
      <c r="BI17" s="131"/>
    </row>
    <row r="18" spans="2:61" ht="27.75" customHeight="1" x14ac:dyDescent="0.45">
      <c r="B18" s="114"/>
      <c r="C18" s="122">
        <v>0.44444444444444442</v>
      </c>
      <c r="D18" s="123"/>
      <c r="E18" s="124"/>
      <c r="F18" s="137" t="s">
        <v>91</v>
      </c>
      <c r="G18" s="127"/>
      <c r="H18" s="127"/>
      <c r="I18" s="125" t="str">
        <f>+N9</f>
        <v>東部支部２</v>
      </c>
      <c r="J18" s="125"/>
      <c r="K18" s="125"/>
      <c r="L18" s="125"/>
      <c r="M18" s="125"/>
      <c r="N18" s="126"/>
      <c r="O18" s="127"/>
      <c r="P18" s="127"/>
      <c r="Q18" s="38" t="s">
        <v>75</v>
      </c>
      <c r="R18" s="127"/>
      <c r="S18" s="127"/>
      <c r="T18" s="39"/>
      <c r="U18" s="38" t="s">
        <v>95</v>
      </c>
      <c r="V18" s="37"/>
      <c r="W18" s="128" t="str">
        <f>+Y9</f>
        <v>中部支部２</v>
      </c>
      <c r="X18" s="128"/>
      <c r="Y18" s="128"/>
      <c r="Z18" s="128"/>
      <c r="AA18" s="128"/>
      <c r="AB18" s="128"/>
      <c r="AC18" s="129" t="str">
        <f>+AJ9</f>
        <v>中西支部３</v>
      </c>
      <c r="AD18" s="130"/>
      <c r="AE18" s="130"/>
      <c r="AF18" s="130"/>
      <c r="AG18" s="131"/>
      <c r="AH18" s="40"/>
      <c r="AI18" s="38" t="s">
        <v>89</v>
      </c>
      <c r="AJ18" s="37"/>
      <c r="AK18" s="125" t="str">
        <f>+N11</f>
        <v>中東支部１</v>
      </c>
      <c r="AL18" s="125"/>
      <c r="AM18" s="125"/>
      <c r="AN18" s="125"/>
      <c r="AO18" s="125"/>
      <c r="AP18" s="126"/>
      <c r="AQ18" s="127"/>
      <c r="AR18" s="127"/>
      <c r="AS18" s="38" t="s">
        <v>75</v>
      </c>
      <c r="AT18" s="127"/>
      <c r="AU18" s="127"/>
      <c r="AV18" s="39"/>
      <c r="AW18" s="38" t="s">
        <v>93</v>
      </c>
      <c r="AX18" s="37"/>
      <c r="AY18" s="128" t="str">
        <f>+Y11</f>
        <v>中西支部１</v>
      </c>
      <c r="AZ18" s="128"/>
      <c r="BA18" s="128"/>
      <c r="BB18" s="128"/>
      <c r="BC18" s="128"/>
      <c r="BD18" s="136"/>
      <c r="BE18" s="130" t="str">
        <f>+AJ11</f>
        <v>西部支部１</v>
      </c>
      <c r="BF18" s="130"/>
      <c r="BG18" s="130"/>
      <c r="BH18" s="130"/>
      <c r="BI18" s="131"/>
    </row>
    <row r="19" spans="2:61" ht="27.75" customHeight="1" x14ac:dyDescent="0.45">
      <c r="B19" s="114"/>
      <c r="C19" s="122">
        <v>0.45833333333333331</v>
      </c>
      <c r="D19" s="123"/>
      <c r="E19" s="124"/>
      <c r="F19" s="41"/>
      <c r="G19" s="38" t="s">
        <v>90</v>
      </c>
      <c r="H19" s="37"/>
      <c r="I19" s="125" t="str">
        <f>+AJ9</f>
        <v>中西支部３</v>
      </c>
      <c r="J19" s="125"/>
      <c r="K19" s="125"/>
      <c r="L19" s="125"/>
      <c r="M19" s="125"/>
      <c r="N19" s="126"/>
      <c r="O19" s="127"/>
      <c r="P19" s="127"/>
      <c r="Q19" s="38" t="s">
        <v>75</v>
      </c>
      <c r="R19" s="127"/>
      <c r="S19" s="127"/>
      <c r="T19" s="39"/>
      <c r="U19" s="38" t="s">
        <v>94</v>
      </c>
      <c r="V19" s="37"/>
      <c r="W19" s="128" t="str">
        <f>+AU9</f>
        <v>西部支部３</v>
      </c>
      <c r="X19" s="128"/>
      <c r="Y19" s="128"/>
      <c r="Z19" s="128"/>
      <c r="AA19" s="128"/>
      <c r="AB19" s="128"/>
      <c r="AC19" s="129" t="str">
        <f>+N9</f>
        <v>東部支部２</v>
      </c>
      <c r="AD19" s="130"/>
      <c r="AE19" s="130"/>
      <c r="AF19" s="130"/>
      <c r="AG19" s="131"/>
      <c r="AH19" s="40"/>
      <c r="AI19" s="38" t="s">
        <v>88</v>
      </c>
      <c r="AJ19" s="37"/>
      <c r="AK19" s="125" t="str">
        <f>+AJ11</f>
        <v>西部支部１</v>
      </c>
      <c r="AL19" s="125"/>
      <c r="AM19" s="125"/>
      <c r="AN19" s="125"/>
      <c r="AO19" s="125"/>
      <c r="AP19" s="126"/>
      <c r="AQ19" s="127"/>
      <c r="AR19" s="127"/>
      <c r="AS19" s="38" t="s">
        <v>75</v>
      </c>
      <c r="AT19" s="127"/>
      <c r="AU19" s="127"/>
      <c r="AV19" s="39"/>
      <c r="AW19" s="38" t="s">
        <v>92</v>
      </c>
      <c r="AX19" s="37"/>
      <c r="AY19" s="128" t="str">
        <f>+AU11</f>
        <v>西部支部５</v>
      </c>
      <c r="AZ19" s="128"/>
      <c r="BA19" s="128"/>
      <c r="BB19" s="128"/>
      <c r="BC19" s="128"/>
      <c r="BD19" s="136"/>
      <c r="BE19" s="130" t="str">
        <f>+N11</f>
        <v>中東支部１</v>
      </c>
      <c r="BF19" s="130"/>
      <c r="BG19" s="130"/>
      <c r="BH19" s="130"/>
      <c r="BI19" s="131"/>
    </row>
    <row r="20" spans="2:61" ht="27.75" customHeight="1" x14ac:dyDescent="0.45">
      <c r="B20" s="114"/>
      <c r="C20" s="122">
        <v>0.47222222222222227</v>
      </c>
      <c r="D20" s="123"/>
      <c r="E20" s="124"/>
      <c r="F20" s="41"/>
      <c r="G20" s="38" t="s">
        <v>103</v>
      </c>
      <c r="H20" s="37"/>
      <c r="I20" s="125" t="str">
        <f>+Y8</f>
        <v>中部支部１</v>
      </c>
      <c r="J20" s="125"/>
      <c r="K20" s="125"/>
      <c r="L20" s="125"/>
      <c r="M20" s="125"/>
      <c r="N20" s="126"/>
      <c r="O20" s="127"/>
      <c r="P20" s="127"/>
      <c r="Q20" s="38" t="s">
        <v>75</v>
      </c>
      <c r="R20" s="127"/>
      <c r="S20" s="127"/>
      <c r="T20" s="39"/>
      <c r="U20" s="38" t="s">
        <v>98</v>
      </c>
      <c r="V20" s="37"/>
      <c r="W20" s="128" t="str">
        <f>+AJ8</f>
        <v>中西支部２</v>
      </c>
      <c r="X20" s="128"/>
      <c r="Y20" s="128"/>
      <c r="Z20" s="128"/>
      <c r="AA20" s="128"/>
      <c r="AB20" s="128"/>
      <c r="AC20" s="129" t="str">
        <f>+AU8</f>
        <v>西部支部２</v>
      </c>
      <c r="AD20" s="130"/>
      <c r="AE20" s="130"/>
      <c r="AF20" s="130"/>
      <c r="AG20" s="131"/>
      <c r="AH20" s="40"/>
      <c r="AI20" s="38" t="s">
        <v>101</v>
      </c>
      <c r="AJ20" s="37"/>
      <c r="AK20" s="125" t="str">
        <f>+Y10</f>
        <v>中部支部３</v>
      </c>
      <c r="AL20" s="125"/>
      <c r="AM20" s="125"/>
      <c r="AN20" s="125"/>
      <c r="AO20" s="125"/>
      <c r="AP20" s="126"/>
      <c r="AQ20" s="127"/>
      <c r="AR20" s="127"/>
      <c r="AS20" s="38" t="s">
        <v>75</v>
      </c>
      <c r="AT20" s="127"/>
      <c r="AU20" s="127"/>
      <c r="AV20" s="39"/>
      <c r="AW20" s="38" t="s">
        <v>96</v>
      </c>
      <c r="AX20" s="37"/>
      <c r="AY20" s="128" t="str">
        <f>+AJ10</f>
        <v>中西支部４</v>
      </c>
      <c r="AZ20" s="128"/>
      <c r="BA20" s="128"/>
      <c r="BB20" s="128"/>
      <c r="BC20" s="128"/>
      <c r="BD20" s="136"/>
      <c r="BE20" s="130" t="str">
        <f>+AU10</f>
        <v>西部支部４</v>
      </c>
      <c r="BF20" s="130"/>
      <c r="BG20" s="130"/>
      <c r="BH20" s="130"/>
      <c r="BI20" s="131"/>
    </row>
    <row r="21" spans="2:61" ht="27.75" customHeight="1" x14ac:dyDescent="0.45">
      <c r="B21" s="114"/>
      <c r="C21" s="122">
        <v>0.4861111111111111</v>
      </c>
      <c r="D21" s="123"/>
      <c r="E21" s="124"/>
      <c r="F21" s="41"/>
      <c r="G21" s="38" t="s">
        <v>99</v>
      </c>
      <c r="H21" s="37"/>
      <c r="I21" s="125" t="str">
        <f>+N8</f>
        <v>東部支部１</v>
      </c>
      <c r="J21" s="125"/>
      <c r="K21" s="125"/>
      <c r="L21" s="125"/>
      <c r="M21" s="125"/>
      <c r="N21" s="126"/>
      <c r="O21" s="127"/>
      <c r="P21" s="127"/>
      <c r="Q21" s="38" t="s">
        <v>75</v>
      </c>
      <c r="R21" s="127"/>
      <c r="S21" s="127"/>
      <c r="T21" s="39"/>
      <c r="U21" s="38" t="s">
        <v>102</v>
      </c>
      <c r="V21" s="37"/>
      <c r="W21" s="128" t="str">
        <f>+AU8</f>
        <v>西部支部２</v>
      </c>
      <c r="X21" s="128"/>
      <c r="Y21" s="128"/>
      <c r="Z21" s="128"/>
      <c r="AA21" s="128"/>
      <c r="AB21" s="128"/>
      <c r="AC21" s="129" t="str">
        <f>+Y8</f>
        <v>中部支部１</v>
      </c>
      <c r="AD21" s="130"/>
      <c r="AE21" s="130"/>
      <c r="AF21" s="130"/>
      <c r="AG21" s="131"/>
      <c r="AH21" s="40"/>
      <c r="AI21" s="38" t="s">
        <v>97</v>
      </c>
      <c r="AJ21" s="37"/>
      <c r="AK21" s="125" t="str">
        <f>+N10</f>
        <v>東部支部３</v>
      </c>
      <c r="AL21" s="125"/>
      <c r="AM21" s="125"/>
      <c r="AN21" s="125"/>
      <c r="AO21" s="125"/>
      <c r="AP21" s="126"/>
      <c r="AQ21" s="127"/>
      <c r="AR21" s="127"/>
      <c r="AS21" s="38" t="s">
        <v>75</v>
      </c>
      <c r="AT21" s="127"/>
      <c r="AU21" s="127"/>
      <c r="AV21" s="39"/>
      <c r="AW21" s="38" t="s">
        <v>100</v>
      </c>
      <c r="AX21" s="37"/>
      <c r="AY21" s="128" t="str">
        <f>+AU10</f>
        <v>西部支部４</v>
      </c>
      <c r="AZ21" s="128"/>
      <c r="BA21" s="128"/>
      <c r="BB21" s="128"/>
      <c r="BC21" s="128"/>
      <c r="BD21" s="136"/>
      <c r="BE21" s="130" t="str">
        <f>+Y10</f>
        <v>中部支部３</v>
      </c>
      <c r="BF21" s="130"/>
      <c r="BG21" s="130"/>
      <c r="BH21" s="130"/>
      <c r="BI21" s="131"/>
    </row>
    <row r="22" spans="2:61" ht="27.75" customHeight="1" x14ac:dyDescent="0.45">
      <c r="B22" s="114"/>
      <c r="C22" s="122">
        <v>0.5</v>
      </c>
      <c r="D22" s="123"/>
      <c r="E22" s="124"/>
      <c r="F22" s="41"/>
      <c r="G22" s="38" t="s">
        <v>95</v>
      </c>
      <c r="H22" s="37"/>
      <c r="I22" s="125" t="str">
        <f>+Y9</f>
        <v>中部支部２</v>
      </c>
      <c r="J22" s="125"/>
      <c r="K22" s="125"/>
      <c r="L22" s="125"/>
      <c r="M22" s="125"/>
      <c r="N22" s="126"/>
      <c r="O22" s="127"/>
      <c r="P22" s="127"/>
      <c r="Q22" s="38" t="s">
        <v>75</v>
      </c>
      <c r="R22" s="127"/>
      <c r="S22" s="127"/>
      <c r="T22" s="39"/>
      <c r="U22" s="38" t="s">
        <v>90</v>
      </c>
      <c r="V22" s="37"/>
      <c r="W22" s="128" t="str">
        <f>+AJ9</f>
        <v>中西支部３</v>
      </c>
      <c r="X22" s="128"/>
      <c r="Y22" s="128"/>
      <c r="Z22" s="128"/>
      <c r="AA22" s="128"/>
      <c r="AB22" s="128"/>
      <c r="AC22" s="129" t="str">
        <f>+AU9</f>
        <v>西部支部３</v>
      </c>
      <c r="AD22" s="130"/>
      <c r="AE22" s="130"/>
      <c r="AF22" s="130"/>
      <c r="AG22" s="131"/>
      <c r="AH22" s="40"/>
      <c r="AI22" s="38" t="s">
        <v>93</v>
      </c>
      <c r="AJ22" s="37"/>
      <c r="AK22" s="125" t="str">
        <f>+Y11</f>
        <v>中西支部１</v>
      </c>
      <c r="AL22" s="125"/>
      <c r="AM22" s="125"/>
      <c r="AN22" s="125"/>
      <c r="AO22" s="125"/>
      <c r="AP22" s="126"/>
      <c r="AQ22" s="127"/>
      <c r="AR22" s="127"/>
      <c r="AS22" s="38" t="s">
        <v>75</v>
      </c>
      <c r="AT22" s="127"/>
      <c r="AU22" s="127"/>
      <c r="AV22" s="39"/>
      <c r="AW22" s="38" t="s">
        <v>88</v>
      </c>
      <c r="AX22" s="37"/>
      <c r="AY22" s="128" t="str">
        <f>+AJ11</f>
        <v>西部支部１</v>
      </c>
      <c r="AZ22" s="128"/>
      <c r="BA22" s="128"/>
      <c r="BB22" s="128"/>
      <c r="BC22" s="128"/>
      <c r="BD22" s="136"/>
      <c r="BE22" s="130" t="str">
        <f>+AU11</f>
        <v>西部支部５</v>
      </c>
      <c r="BF22" s="130"/>
      <c r="BG22" s="130"/>
      <c r="BH22" s="130"/>
      <c r="BI22" s="131"/>
    </row>
    <row r="23" spans="2:61" ht="27.75" customHeight="1" x14ac:dyDescent="0.45">
      <c r="B23" s="114"/>
      <c r="C23" s="122">
        <v>0.51388888888888895</v>
      </c>
      <c r="D23" s="123"/>
      <c r="E23" s="124"/>
      <c r="F23" s="41"/>
      <c r="G23" s="38" t="s">
        <v>91</v>
      </c>
      <c r="H23" s="37"/>
      <c r="I23" s="125" t="str">
        <f>+N9</f>
        <v>東部支部２</v>
      </c>
      <c r="J23" s="125"/>
      <c r="K23" s="125"/>
      <c r="L23" s="125"/>
      <c r="M23" s="125"/>
      <c r="N23" s="126"/>
      <c r="O23" s="127"/>
      <c r="P23" s="127"/>
      <c r="Q23" s="38" t="s">
        <v>75</v>
      </c>
      <c r="R23" s="127"/>
      <c r="S23" s="127"/>
      <c r="T23" s="39"/>
      <c r="U23" s="38" t="s">
        <v>94</v>
      </c>
      <c r="V23" s="37"/>
      <c r="W23" s="128" t="str">
        <f>+AU9</f>
        <v>西部支部３</v>
      </c>
      <c r="X23" s="128"/>
      <c r="Y23" s="128"/>
      <c r="Z23" s="128"/>
      <c r="AA23" s="128"/>
      <c r="AB23" s="128"/>
      <c r="AC23" s="129" t="str">
        <f>+Y9</f>
        <v>中部支部２</v>
      </c>
      <c r="AD23" s="130"/>
      <c r="AE23" s="130"/>
      <c r="AF23" s="130"/>
      <c r="AG23" s="131"/>
      <c r="AH23" s="40"/>
      <c r="AI23" s="38" t="s">
        <v>89</v>
      </c>
      <c r="AJ23" s="37"/>
      <c r="AK23" s="125" t="str">
        <f>+N11</f>
        <v>中東支部１</v>
      </c>
      <c r="AL23" s="125"/>
      <c r="AM23" s="125"/>
      <c r="AN23" s="125"/>
      <c r="AO23" s="125"/>
      <c r="AP23" s="126"/>
      <c r="AQ23" s="127"/>
      <c r="AR23" s="127"/>
      <c r="AS23" s="38" t="s">
        <v>75</v>
      </c>
      <c r="AT23" s="127"/>
      <c r="AU23" s="127"/>
      <c r="AV23" s="39"/>
      <c r="AW23" s="38" t="s">
        <v>92</v>
      </c>
      <c r="AX23" s="37"/>
      <c r="AY23" s="128" t="str">
        <f>+AU11</f>
        <v>西部支部５</v>
      </c>
      <c r="AZ23" s="128"/>
      <c r="BA23" s="128"/>
      <c r="BB23" s="128"/>
      <c r="BC23" s="128"/>
      <c r="BD23" s="136"/>
      <c r="BE23" s="130" t="str">
        <f>+Y11</f>
        <v>中西支部１</v>
      </c>
      <c r="BF23" s="130"/>
      <c r="BG23" s="130"/>
      <c r="BH23" s="130"/>
      <c r="BI23" s="131"/>
    </row>
    <row r="24" spans="2:61" ht="27.75" customHeight="1" x14ac:dyDescent="0.45">
      <c r="B24" s="114"/>
      <c r="C24" s="122">
        <v>0.52777777777777779</v>
      </c>
      <c r="D24" s="123"/>
      <c r="E24" s="124"/>
      <c r="F24" s="41"/>
      <c r="G24" s="38" t="s">
        <v>103</v>
      </c>
      <c r="H24" s="37"/>
      <c r="I24" s="125" t="str">
        <f>+Y8</f>
        <v>中部支部１</v>
      </c>
      <c r="J24" s="125"/>
      <c r="K24" s="125"/>
      <c r="L24" s="125"/>
      <c r="M24" s="125"/>
      <c r="N24" s="126"/>
      <c r="O24" s="127"/>
      <c r="P24" s="127"/>
      <c r="Q24" s="38" t="s">
        <v>75</v>
      </c>
      <c r="R24" s="127"/>
      <c r="S24" s="127"/>
      <c r="T24" s="39"/>
      <c r="U24" s="38" t="s">
        <v>102</v>
      </c>
      <c r="V24" s="37"/>
      <c r="W24" s="128" t="str">
        <f>+AU8</f>
        <v>西部支部２</v>
      </c>
      <c r="X24" s="128"/>
      <c r="Y24" s="128"/>
      <c r="Z24" s="128"/>
      <c r="AA24" s="128"/>
      <c r="AB24" s="128"/>
      <c r="AC24" s="129" t="str">
        <f>+N8</f>
        <v>東部支部１</v>
      </c>
      <c r="AD24" s="130"/>
      <c r="AE24" s="130"/>
      <c r="AF24" s="130"/>
      <c r="AG24" s="131"/>
      <c r="AH24" s="40"/>
      <c r="AI24" s="38" t="s">
        <v>101</v>
      </c>
      <c r="AJ24" s="37"/>
      <c r="AK24" s="125" t="str">
        <f>+Y10</f>
        <v>中部支部３</v>
      </c>
      <c r="AL24" s="125"/>
      <c r="AM24" s="125"/>
      <c r="AN24" s="125"/>
      <c r="AO24" s="125"/>
      <c r="AP24" s="126"/>
      <c r="AQ24" s="127"/>
      <c r="AR24" s="127"/>
      <c r="AS24" s="38" t="s">
        <v>75</v>
      </c>
      <c r="AT24" s="127"/>
      <c r="AU24" s="127"/>
      <c r="AV24" s="39"/>
      <c r="AW24" s="38" t="s">
        <v>100</v>
      </c>
      <c r="AX24" s="37"/>
      <c r="AY24" s="128" t="str">
        <f>+AU10</f>
        <v>西部支部４</v>
      </c>
      <c r="AZ24" s="128"/>
      <c r="BA24" s="128"/>
      <c r="BB24" s="128"/>
      <c r="BC24" s="128"/>
      <c r="BD24" s="136"/>
      <c r="BE24" s="130" t="str">
        <f>+N10</f>
        <v>東部支部３</v>
      </c>
      <c r="BF24" s="130"/>
      <c r="BG24" s="130"/>
      <c r="BH24" s="130"/>
      <c r="BI24" s="131"/>
    </row>
    <row r="25" spans="2:61" ht="27.75" customHeight="1" x14ac:dyDescent="0.45">
      <c r="B25" s="114"/>
      <c r="C25" s="122">
        <v>0.54166666666666663</v>
      </c>
      <c r="D25" s="123"/>
      <c r="E25" s="124"/>
      <c r="F25" s="41"/>
      <c r="G25" s="38" t="s">
        <v>99</v>
      </c>
      <c r="H25" s="37"/>
      <c r="I25" s="125" t="str">
        <f>+N8</f>
        <v>東部支部１</v>
      </c>
      <c r="J25" s="125"/>
      <c r="K25" s="125"/>
      <c r="L25" s="125"/>
      <c r="M25" s="125"/>
      <c r="N25" s="126"/>
      <c r="O25" s="127"/>
      <c r="P25" s="127"/>
      <c r="Q25" s="38" t="s">
        <v>75</v>
      </c>
      <c r="R25" s="127"/>
      <c r="S25" s="127"/>
      <c r="T25" s="39"/>
      <c r="U25" s="38" t="s">
        <v>98</v>
      </c>
      <c r="V25" s="37"/>
      <c r="W25" s="128" t="str">
        <f>+AJ8</f>
        <v>中西支部２</v>
      </c>
      <c r="X25" s="128"/>
      <c r="Y25" s="128"/>
      <c r="Z25" s="128"/>
      <c r="AA25" s="128"/>
      <c r="AB25" s="128"/>
      <c r="AC25" s="129" t="str">
        <f>+Y8</f>
        <v>中部支部１</v>
      </c>
      <c r="AD25" s="130"/>
      <c r="AE25" s="130"/>
      <c r="AF25" s="130"/>
      <c r="AG25" s="131"/>
      <c r="AH25" s="40"/>
      <c r="AI25" s="38" t="s">
        <v>97</v>
      </c>
      <c r="AJ25" s="37"/>
      <c r="AK25" s="125" t="str">
        <f>+N10</f>
        <v>東部支部３</v>
      </c>
      <c r="AL25" s="125"/>
      <c r="AM25" s="125"/>
      <c r="AN25" s="125"/>
      <c r="AO25" s="125"/>
      <c r="AP25" s="126"/>
      <c r="AQ25" s="127"/>
      <c r="AR25" s="127"/>
      <c r="AS25" s="38" t="s">
        <v>75</v>
      </c>
      <c r="AT25" s="127"/>
      <c r="AU25" s="127"/>
      <c r="AV25" s="39"/>
      <c r="AW25" s="38" t="s">
        <v>96</v>
      </c>
      <c r="AX25" s="37"/>
      <c r="AY25" s="128" t="str">
        <f>+AJ10</f>
        <v>中西支部４</v>
      </c>
      <c r="AZ25" s="128"/>
      <c r="BA25" s="128"/>
      <c r="BB25" s="128"/>
      <c r="BC25" s="128"/>
      <c r="BD25" s="136"/>
      <c r="BE25" s="130" t="str">
        <f>+Y10</f>
        <v>中部支部３</v>
      </c>
      <c r="BF25" s="130"/>
      <c r="BG25" s="130"/>
      <c r="BH25" s="130"/>
      <c r="BI25" s="131"/>
    </row>
    <row r="26" spans="2:61" ht="27.75" customHeight="1" x14ac:dyDescent="0.45">
      <c r="B26" s="114"/>
      <c r="C26" s="122">
        <v>0.55555555555555558</v>
      </c>
      <c r="D26" s="123"/>
      <c r="E26" s="124"/>
      <c r="F26" s="41"/>
      <c r="G26" s="38" t="s">
        <v>95</v>
      </c>
      <c r="H26" s="37"/>
      <c r="I26" s="125" t="str">
        <f>+Y9</f>
        <v>中部支部２</v>
      </c>
      <c r="J26" s="125"/>
      <c r="K26" s="125"/>
      <c r="L26" s="125"/>
      <c r="M26" s="125"/>
      <c r="N26" s="126"/>
      <c r="O26" s="127"/>
      <c r="P26" s="127"/>
      <c r="Q26" s="38" t="s">
        <v>75</v>
      </c>
      <c r="R26" s="127"/>
      <c r="S26" s="127"/>
      <c r="T26" s="39"/>
      <c r="U26" s="38" t="s">
        <v>94</v>
      </c>
      <c r="V26" s="37"/>
      <c r="W26" s="128" t="str">
        <f>+AU9</f>
        <v>西部支部３</v>
      </c>
      <c r="X26" s="128"/>
      <c r="Y26" s="128"/>
      <c r="Z26" s="128"/>
      <c r="AA26" s="128"/>
      <c r="AB26" s="128"/>
      <c r="AC26" s="129" t="str">
        <f>+N9</f>
        <v>東部支部２</v>
      </c>
      <c r="AD26" s="130"/>
      <c r="AE26" s="130"/>
      <c r="AF26" s="130"/>
      <c r="AG26" s="131"/>
      <c r="AH26" s="40"/>
      <c r="AI26" s="38" t="s">
        <v>93</v>
      </c>
      <c r="AJ26" s="37"/>
      <c r="AK26" s="125" t="str">
        <f>+Y11</f>
        <v>中西支部１</v>
      </c>
      <c r="AL26" s="125"/>
      <c r="AM26" s="125"/>
      <c r="AN26" s="125"/>
      <c r="AO26" s="125"/>
      <c r="AP26" s="126"/>
      <c r="AQ26" s="127"/>
      <c r="AR26" s="127"/>
      <c r="AS26" s="38" t="s">
        <v>75</v>
      </c>
      <c r="AT26" s="127"/>
      <c r="AU26" s="127"/>
      <c r="AV26" s="39"/>
      <c r="AW26" s="38" t="s">
        <v>92</v>
      </c>
      <c r="AX26" s="37"/>
      <c r="AY26" s="128" t="str">
        <f>+AU11</f>
        <v>西部支部５</v>
      </c>
      <c r="AZ26" s="128"/>
      <c r="BA26" s="128"/>
      <c r="BB26" s="128"/>
      <c r="BC26" s="128"/>
      <c r="BD26" s="136"/>
      <c r="BE26" s="130" t="str">
        <f>+N11</f>
        <v>中東支部１</v>
      </c>
      <c r="BF26" s="130"/>
      <c r="BG26" s="130"/>
      <c r="BH26" s="130"/>
      <c r="BI26" s="131"/>
    </row>
    <row r="27" spans="2:61" ht="27.75" customHeight="1" thickBot="1" x14ac:dyDescent="0.5">
      <c r="B27" s="115"/>
      <c r="C27" s="116">
        <v>0.56944444444444442</v>
      </c>
      <c r="D27" s="117"/>
      <c r="E27" s="118"/>
      <c r="F27" s="36"/>
      <c r="G27" s="28" t="s">
        <v>91</v>
      </c>
      <c r="H27" s="33"/>
      <c r="I27" s="104" t="str">
        <f>+N9</f>
        <v>東部支部２</v>
      </c>
      <c r="J27" s="104"/>
      <c r="K27" s="104"/>
      <c r="L27" s="104"/>
      <c r="M27" s="104"/>
      <c r="N27" s="105"/>
      <c r="O27" s="106"/>
      <c r="P27" s="106"/>
      <c r="Q27" s="28" t="s">
        <v>75</v>
      </c>
      <c r="R27" s="106"/>
      <c r="S27" s="106"/>
      <c r="T27" s="34"/>
      <c r="U27" s="28" t="s">
        <v>90</v>
      </c>
      <c r="V27" s="33"/>
      <c r="W27" s="107" t="str">
        <f>+AJ9</f>
        <v>中西支部３</v>
      </c>
      <c r="X27" s="107"/>
      <c r="Y27" s="107"/>
      <c r="Z27" s="107"/>
      <c r="AA27" s="107"/>
      <c r="AB27" s="107"/>
      <c r="AC27" s="109" t="str">
        <f>+Y9</f>
        <v>中部支部２</v>
      </c>
      <c r="AD27" s="110"/>
      <c r="AE27" s="110"/>
      <c r="AF27" s="110"/>
      <c r="AG27" s="111"/>
      <c r="AH27" s="35"/>
      <c r="AI27" s="28" t="s">
        <v>89</v>
      </c>
      <c r="AJ27" s="33"/>
      <c r="AK27" s="104" t="str">
        <f>+N11</f>
        <v>中東支部１</v>
      </c>
      <c r="AL27" s="104"/>
      <c r="AM27" s="104"/>
      <c r="AN27" s="104"/>
      <c r="AO27" s="104"/>
      <c r="AP27" s="105"/>
      <c r="AQ27" s="106"/>
      <c r="AR27" s="106"/>
      <c r="AS27" s="28" t="s">
        <v>75</v>
      </c>
      <c r="AT27" s="106"/>
      <c r="AU27" s="106"/>
      <c r="AV27" s="34"/>
      <c r="AW27" s="28" t="s">
        <v>88</v>
      </c>
      <c r="AX27" s="33"/>
      <c r="AY27" s="107" t="str">
        <f>+AJ11</f>
        <v>西部支部１</v>
      </c>
      <c r="AZ27" s="107"/>
      <c r="BA27" s="107"/>
      <c r="BB27" s="107"/>
      <c r="BC27" s="107"/>
      <c r="BD27" s="108"/>
      <c r="BE27" s="110" t="str">
        <f>+Y11</f>
        <v>中西支部１</v>
      </c>
      <c r="BF27" s="110"/>
      <c r="BG27" s="110"/>
      <c r="BH27" s="110"/>
      <c r="BI27" s="111"/>
    </row>
    <row r="28" spans="2:61" ht="6.75" customHeight="1" x14ac:dyDescent="0.45">
      <c r="B28" s="32"/>
      <c r="C28" s="27"/>
      <c r="D28" s="27"/>
      <c r="E28" s="27"/>
      <c r="F28" s="27"/>
      <c r="G28" s="9"/>
      <c r="I28" s="21"/>
      <c r="J28" s="21"/>
      <c r="K28" s="21"/>
      <c r="L28" s="21"/>
      <c r="M28" s="21"/>
      <c r="N28" s="21"/>
      <c r="O28" s="9"/>
      <c r="P28" s="9"/>
      <c r="U28" s="9"/>
      <c r="W28" s="20"/>
      <c r="X28" s="20"/>
      <c r="Y28" s="20"/>
      <c r="Z28" s="20"/>
      <c r="AA28" s="20"/>
      <c r="AB28" s="20"/>
      <c r="AC28" s="20"/>
      <c r="AD28" s="20"/>
      <c r="AE28" s="20"/>
      <c r="AF28" s="20"/>
      <c r="AH28" s="9"/>
      <c r="AI28" s="9"/>
      <c r="AK28" s="21"/>
      <c r="AL28" s="21"/>
      <c r="AM28" s="21"/>
      <c r="AN28" s="21"/>
      <c r="AO28" s="21"/>
      <c r="AP28" s="21"/>
      <c r="AQ28" s="9"/>
      <c r="AR28" s="9"/>
      <c r="AW28" s="9"/>
      <c r="AY28" s="20"/>
      <c r="AZ28" s="20"/>
      <c r="BA28" s="20"/>
      <c r="BB28" s="20"/>
      <c r="BC28" s="20"/>
      <c r="BD28" s="20"/>
    </row>
    <row r="29" spans="2:61" ht="6.75" customHeight="1" x14ac:dyDescent="0.45">
      <c r="B29" s="32"/>
      <c r="C29" s="27"/>
      <c r="D29" s="27"/>
      <c r="E29" s="27"/>
      <c r="F29" s="27"/>
      <c r="G29" s="9"/>
      <c r="I29" s="21"/>
      <c r="J29" s="21"/>
      <c r="K29" s="21"/>
      <c r="L29" s="21"/>
      <c r="M29" s="21"/>
      <c r="N29" s="21"/>
      <c r="O29" s="9"/>
      <c r="P29" s="9"/>
      <c r="U29" s="9"/>
      <c r="W29" s="20"/>
      <c r="X29" s="20"/>
      <c r="Y29" s="20"/>
      <c r="Z29" s="20"/>
      <c r="AA29" s="20"/>
      <c r="AB29" s="20"/>
      <c r="AC29" s="20"/>
      <c r="AD29" s="20"/>
      <c r="AE29" s="20"/>
      <c r="AF29" s="20"/>
      <c r="AH29" s="9"/>
      <c r="AI29" s="9"/>
      <c r="AK29" s="21"/>
      <c r="AL29" s="21"/>
      <c r="AM29" s="21"/>
      <c r="AN29" s="21"/>
      <c r="AO29" s="21"/>
      <c r="AP29" s="21"/>
      <c r="AQ29" s="9"/>
      <c r="AR29" s="9"/>
      <c r="AW29" s="9"/>
      <c r="AY29" s="20"/>
      <c r="AZ29" s="20"/>
      <c r="BA29" s="20"/>
      <c r="BB29" s="20"/>
      <c r="BC29" s="20"/>
      <c r="BD29" s="20"/>
    </row>
    <row r="30" spans="2:61" ht="6.75" customHeight="1" x14ac:dyDescent="0.45">
      <c r="B30" s="32"/>
      <c r="C30" s="27"/>
      <c r="D30" s="27"/>
      <c r="E30" s="27"/>
      <c r="F30" s="27"/>
      <c r="G30" s="9"/>
      <c r="I30" s="21"/>
      <c r="J30" s="21"/>
      <c r="K30" s="21"/>
      <c r="L30" s="21"/>
      <c r="M30" s="21"/>
      <c r="N30" s="21"/>
      <c r="O30" s="9"/>
      <c r="P30" s="9"/>
      <c r="U30" s="9"/>
      <c r="W30" s="20"/>
      <c r="X30" s="20"/>
      <c r="Y30" s="20"/>
      <c r="Z30" s="20"/>
      <c r="AA30" s="20"/>
      <c r="AB30" s="20"/>
      <c r="AC30" s="20"/>
      <c r="AD30" s="20"/>
      <c r="AE30" s="20"/>
      <c r="AF30" s="20"/>
      <c r="AH30" s="9"/>
      <c r="AI30" s="9"/>
      <c r="AK30" s="21"/>
      <c r="AL30" s="21"/>
      <c r="AM30" s="21"/>
      <c r="AN30" s="21"/>
      <c r="AO30" s="21"/>
      <c r="AP30" s="21"/>
      <c r="AQ30" s="9"/>
      <c r="AR30" s="9"/>
      <c r="AW30" s="9"/>
      <c r="AY30" s="20"/>
      <c r="AZ30" s="20"/>
      <c r="BA30" s="20"/>
      <c r="BB30" s="20"/>
      <c r="BC30" s="20"/>
      <c r="BD30" s="20"/>
    </row>
    <row r="31" spans="2:61" ht="20.100000000000001" customHeight="1" thickBot="1" x14ac:dyDescent="0.5">
      <c r="B31" s="31" t="s">
        <v>87</v>
      </c>
      <c r="C31" s="30"/>
      <c r="D31" s="27"/>
      <c r="E31" s="27"/>
      <c r="F31" s="27"/>
      <c r="G31" s="9"/>
      <c r="I31" s="21"/>
      <c r="J31" s="21"/>
      <c r="K31" s="21"/>
      <c r="L31" s="21"/>
      <c r="M31" s="21"/>
      <c r="N31" s="21"/>
      <c r="O31" s="9"/>
      <c r="P31" s="9"/>
      <c r="U31" s="9"/>
      <c r="W31" s="20"/>
      <c r="X31" s="20"/>
      <c r="Y31" s="20"/>
      <c r="Z31" s="20"/>
      <c r="AA31" s="20"/>
      <c r="AB31" s="20"/>
      <c r="AC31" s="20"/>
      <c r="AD31" s="20"/>
      <c r="AE31" s="20"/>
      <c r="AF31" s="20"/>
      <c r="AH31" s="9"/>
      <c r="AI31" s="9"/>
      <c r="AK31" s="21"/>
      <c r="AL31" s="21"/>
      <c r="AM31" s="21"/>
      <c r="AN31" s="21"/>
      <c r="AO31" s="21"/>
      <c r="AP31" s="21"/>
      <c r="AQ31" s="9"/>
      <c r="AR31" s="9"/>
      <c r="AW31" s="9"/>
      <c r="AY31" s="20"/>
      <c r="AZ31" s="20"/>
      <c r="BA31" s="20"/>
      <c r="BB31" s="20"/>
      <c r="BC31" s="20"/>
      <c r="BD31" s="20"/>
    </row>
    <row r="32" spans="2:61" ht="30.75" customHeight="1" x14ac:dyDescent="0.45">
      <c r="B32" s="85" t="s">
        <v>86</v>
      </c>
      <c r="C32" s="87">
        <v>0.58333333333333337</v>
      </c>
      <c r="D32" s="88"/>
      <c r="E32" s="89"/>
      <c r="F32" s="90" t="s">
        <v>83</v>
      </c>
      <c r="G32" s="91"/>
      <c r="H32" s="91"/>
      <c r="I32" s="92"/>
      <c r="J32" s="92"/>
      <c r="K32" s="92"/>
      <c r="L32" s="92"/>
      <c r="M32" s="92"/>
      <c r="N32" s="93"/>
      <c r="O32" s="94"/>
      <c r="P32" s="94"/>
      <c r="Q32" s="29" t="s">
        <v>75</v>
      </c>
      <c r="R32" s="94"/>
      <c r="S32" s="94"/>
      <c r="T32" s="90" t="s">
        <v>85</v>
      </c>
      <c r="U32" s="91"/>
      <c r="V32" s="91"/>
      <c r="W32" s="119"/>
      <c r="X32" s="119"/>
      <c r="Y32" s="119"/>
      <c r="Z32" s="119"/>
      <c r="AA32" s="119"/>
      <c r="AB32" s="120"/>
      <c r="AC32" s="95" t="s">
        <v>65</v>
      </c>
      <c r="AD32" s="96"/>
      <c r="AE32" s="96"/>
      <c r="AF32" s="96"/>
      <c r="AG32" s="97"/>
      <c r="AH32" s="91" t="s">
        <v>63</v>
      </c>
      <c r="AI32" s="91"/>
      <c r="AJ32" s="91"/>
      <c r="AK32" s="92"/>
      <c r="AL32" s="92"/>
      <c r="AM32" s="92"/>
      <c r="AN32" s="92"/>
      <c r="AO32" s="92"/>
      <c r="AP32" s="93"/>
      <c r="AQ32" s="94"/>
      <c r="AR32" s="94"/>
      <c r="AS32" s="29" t="s">
        <v>75</v>
      </c>
      <c r="AT32" s="94"/>
      <c r="AU32" s="94"/>
      <c r="AV32" s="90" t="s">
        <v>62</v>
      </c>
      <c r="AW32" s="91"/>
      <c r="AX32" s="91"/>
      <c r="AY32" s="132"/>
      <c r="AZ32" s="133"/>
      <c r="BA32" s="133"/>
      <c r="BB32" s="133"/>
      <c r="BC32" s="133"/>
      <c r="BD32" s="133"/>
      <c r="BE32" s="134" t="s">
        <v>82</v>
      </c>
      <c r="BF32" s="134"/>
      <c r="BG32" s="134"/>
      <c r="BH32" s="134"/>
      <c r="BI32" s="135"/>
    </row>
    <row r="33" spans="2:61" ht="30.75" customHeight="1" thickBot="1" x14ac:dyDescent="0.5">
      <c r="B33" s="86"/>
      <c r="C33" s="121">
        <v>0.60069444444444442</v>
      </c>
      <c r="D33" s="117"/>
      <c r="E33" s="118"/>
      <c r="F33" s="76" t="s">
        <v>65</v>
      </c>
      <c r="G33" s="77"/>
      <c r="H33" s="77"/>
      <c r="I33" s="104"/>
      <c r="J33" s="104"/>
      <c r="K33" s="104"/>
      <c r="L33" s="104"/>
      <c r="M33" s="104"/>
      <c r="N33" s="105"/>
      <c r="O33" s="106"/>
      <c r="P33" s="106"/>
      <c r="Q33" s="28" t="s">
        <v>75</v>
      </c>
      <c r="R33" s="106"/>
      <c r="S33" s="106"/>
      <c r="T33" s="76" t="s">
        <v>84</v>
      </c>
      <c r="U33" s="77"/>
      <c r="V33" s="77"/>
      <c r="W33" s="107"/>
      <c r="X33" s="107"/>
      <c r="Y33" s="107"/>
      <c r="Z33" s="107"/>
      <c r="AA33" s="107"/>
      <c r="AB33" s="108"/>
      <c r="AC33" s="109" t="s">
        <v>83</v>
      </c>
      <c r="AD33" s="110"/>
      <c r="AE33" s="110"/>
      <c r="AF33" s="110"/>
      <c r="AG33" s="111"/>
      <c r="AH33" s="77" t="s">
        <v>82</v>
      </c>
      <c r="AI33" s="77"/>
      <c r="AJ33" s="77"/>
      <c r="AK33" s="104"/>
      <c r="AL33" s="104"/>
      <c r="AM33" s="104"/>
      <c r="AN33" s="104"/>
      <c r="AO33" s="104"/>
      <c r="AP33" s="105"/>
      <c r="AQ33" s="106"/>
      <c r="AR33" s="106"/>
      <c r="AS33" s="28" t="s">
        <v>75</v>
      </c>
      <c r="AT33" s="106"/>
      <c r="AU33" s="106"/>
      <c r="AV33" s="76" t="s">
        <v>66</v>
      </c>
      <c r="AW33" s="77"/>
      <c r="AX33" s="77"/>
      <c r="AY33" s="78"/>
      <c r="AZ33" s="79"/>
      <c r="BA33" s="79"/>
      <c r="BB33" s="79"/>
      <c r="BC33" s="79"/>
      <c r="BD33" s="79"/>
      <c r="BE33" s="83" t="s">
        <v>63</v>
      </c>
      <c r="BF33" s="83"/>
      <c r="BG33" s="83"/>
      <c r="BH33" s="83"/>
      <c r="BI33" s="84"/>
    </row>
    <row r="34" spans="2:61" ht="9.9" customHeight="1" thickBot="1" x14ac:dyDescent="0.5">
      <c r="C34" s="112"/>
      <c r="D34" s="112"/>
      <c r="E34" s="112"/>
      <c r="F34" s="27"/>
      <c r="I34" s="21"/>
      <c r="J34" s="21"/>
      <c r="K34" s="21"/>
      <c r="L34" s="21"/>
      <c r="M34" s="21"/>
      <c r="N34" s="21"/>
      <c r="W34" s="20"/>
      <c r="X34" s="20"/>
      <c r="Y34" s="20"/>
      <c r="Z34" s="20"/>
      <c r="AA34" s="20"/>
      <c r="AB34" s="20"/>
      <c r="AC34" s="20"/>
      <c r="AD34" s="20"/>
      <c r="AE34" s="20"/>
      <c r="AF34" s="20"/>
      <c r="AK34" s="21"/>
      <c r="AL34" s="21"/>
      <c r="AM34" s="21"/>
      <c r="AN34" s="21"/>
      <c r="AO34" s="21"/>
      <c r="AP34" s="21"/>
      <c r="AY34" s="20"/>
      <c r="AZ34" s="20"/>
      <c r="BA34" s="20"/>
      <c r="BB34" s="20"/>
      <c r="BC34" s="20"/>
      <c r="BD34" s="20"/>
    </row>
    <row r="35" spans="2:61" ht="36" customHeight="1" thickBot="1" x14ac:dyDescent="0.5">
      <c r="B35" s="19" t="s">
        <v>81</v>
      </c>
      <c r="C35" s="69">
        <v>0.625</v>
      </c>
      <c r="D35" s="70"/>
      <c r="E35" s="71"/>
      <c r="F35" s="72" t="s">
        <v>80</v>
      </c>
      <c r="G35" s="73"/>
      <c r="H35" s="73"/>
      <c r="I35" s="74"/>
      <c r="J35" s="74"/>
      <c r="K35" s="74"/>
      <c r="L35" s="74"/>
      <c r="M35" s="74"/>
      <c r="N35" s="75"/>
      <c r="O35" s="65"/>
      <c r="P35" s="66"/>
      <c r="Q35" s="18" t="s">
        <v>75</v>
      </c>
      <c r="R35" s="66"/>
      <c r="S35" s="67"/>
      <c r="T35" s="102" t="s">
        <v>79</v>
      </c>
      <c r="U35" s="98"/>
      <c r="V35" s="98"/>
      <c r="W35" s="103"/>
      <c r="X35" s="103"/>
      <c r="Y35" s="103"/>
      <c r="Z35" s="103"/>
      <c r="AA35" s="103"/>
      <c r="AB35" s="100"/>
      <c r="AC35" s="80" t="s">
        <v>74</v>
      </c>
      <c r="AD35" s="81"/>
      <c r="AE35" s="81"/>
      <c r="AF35" s="81"/>
      <c r="AG35" s="82"/>
      <c r="AH35" s="98" t="s">
        <v>78</v>
      </c>
      <c r="AI35" s="99"/>
      <c r="AJ35" s="99"/>
      <c r="AK35" s="74"/>
      <c r="AL35" s="74"/>
      <c r="AM35" s="74"/>
      <c r="AN35" s="74"/>
      <c r="AO35" s="74"/>
      <c r="AP35" s="75"/>
      <c r="AQ35" s="65"/>
      <c r="AR35" s="66"/>
      <c r="AS35" s="18" t="s">
        <v>75</v>
      </c>
      <c r="AT35" s="66"/>
      <c r="AU35" s="67"/>
      <c r="AV35" s="72" t="s">
        <v>77</v>
      </c>
      <c r="AW35" s="73"/>
      <c r="AX35" s="73"/>
      <c r="AY35" s="100"/>
      <c r="AZ35" s="101"/>
      <c r="BA35" s="101"/>
      <c r="BB35" s="101"/>
      <c r="BC35" s="101"/>
      <c r="BD35" s="101"/>
      <c r="BE35" s="80" t="s">
        <v>74</v>
      </c>
      <c r="BF35" s="81"/>
      <c r="BG35" s="81"/>
      <c r="BH35" s="81"/>
      <c r="BI35" s="82"/>
    </row>
    <row r="36" spans="2:61" ht="9.9" customHeight="1" thickBot="1" x14ac:dyDescent="0.5">
      <c r="B36" s="26"/>
      <c r="C36" s="25"/>
      <c r="D36" s="25"/>
      <c r="E36" s="25"/>
      <c r="F36" s="24"/>
      <c r="I36" s="23"/>
      <c r="J36" s="23"/>
      <c r="K36" s="23"/>
      <c r="L36" s="23"/>
      <c r="M36" s="23"/>
      <c r="N36" s="23"/>
      <c r="W36" s="22"/>
      <c r="X36" s="22"/>
      <c r="Y36" s="22"/>
      <c r="Z36" s="22"/>
      <c r="AA36" s="22"/>
      <c r="AB36" s="22"/>
      <c r="AC36" s="22"/>
      <c r="AD36" s="22"/>
      <c r="AE36" s="22"/>
      <c r="AF36" s="22"/>
      <c r="AK36" s="21"/>
      <c r="AL36" s="21"/>
      <c r="AM36" s="21"/>
      <c r="AN36" s="21"/>
      <c r="AO36" s="21"/>
      <c r="AP36" s="21"/>
      <c r="AY36" s="20"/>
      <c r="AZ36" s="20"/>
      <c r="BA36" s="20"/>
      <c r="BB36" s="20"/>
      <c r="BC36" s="20"/>
      <c r="BD36" s="20"/>
    </row>
    <row r="37" spans="2:61" ht="36" customHeight="1" thickBot="1" x14ac:dyDescent="0.5">
      <c r="B37" s="19" t="s">
        <v>76</v>
      </c>
      <c r="C37" s="69">
        <v>0.64930555555555558</v>
      </c>
      <c r="D37" s="70"/>
      <c r="E37" s="71"/>
      <c r="F37" s="61"/>
      <c r="G37" s="62"/>
      <c r="H37" s="62"/>
      <c r="I37" s="63"/>
      <c r="J37" s="63"/>
      <c r="K37" s="63"/>
      <c r="L37" s="63"/>
      <c r="M37" s="63"/>
      <c r="N37" s="64"/>
      <c r="O37" s="65"/>
      <c r="P37" s="66"/>
      <c r="Q37" s="18" t="s">
        <v>75</v>
      </c>
      <c r="R37" s="66"/>
      <c r="S37" s="67"/>
      <c r="T37" s="65"/>
      <c r="U37" s="66"/>
      <c r="V37" s="66"/>
      <c r="W37" s="68"/>
      <c r="X37" s="68"/>
      <c r="Y37" s="68"/>
      <c r="Z37" s="68"/>
      <c r="AA37" s="68"/>
      <c r="AB37" s="68"/>
      <c r="AC37" s="80" t="s">
        <v>74</v>
      </c>
      <c r="AD37" s="81"/>
      <c r="AE37" s="81"/>
      <c r="AF37" s="81"/>
      <c r="AG37" s="82"/>
    </row>
    <row r="40" spans="2:61" ht="15" customHeight="1" x14ac:dyDescent="0.45">
      <c r="Q40" s="2"/>
      <c r="T40" s="9"/>
      <c r="AS40" s="2"/>
      <c r="AV40" s="2" t="s">
        <v>73</v>
      </c>
    </row>
    <row r="41" spans="2:61" ht="15" customHeight="1" x14ac:dyDescent="0.45">
      <c r="B41" s="59" t="s">
        <v>72</v>
      </c>
      <c r="Q41" s="2"/>
      <c r="T41" s="9"/>
      <c r="AS41" s="2"/>
      <c r="AV41" s="2" t="s">
        <v>71</v>
      </c>
    </row>
    <row r="42" spans="2:61" x14ac:dyDescent="0.45">
      <c r="B42" s="59"/>
      <c r="Q42" s="2"/>
      <c r="R42" s="2"/>
      <c r="S42" s="2"/>
      <c r="Y42" s="9"/>
      <c r="Z42" s="9"/>
      <c r="AA42" s="9"/>
      <c r="AE42" s="17"/>
      <c r="AS42" s="2"/>
      <c r="AV42" s="2" t="s">
        <v>70</v>
      </c>
    </row>
    <row r="43" spans="2:61" x14ac:dyDescent="0.45">
      <c r="B43" s="59"/>
      <c r="Q43" s="2"/>
      <c r="R43" s="2"/>
      <c r="S43" s="15"/>
      <c r="T43" s="14"/>
      <c r="U43" s="14"/>
      <c r="V43" s="14"/>
      <c r="W43" s="14"/>
      <c r="X43" s="14"/>
      <c r="Y43" s="16"/>
      <c r="Z43" s="16"/>
      <c r="AA43" s="16"/>
      <c r="AB43" s="14"/>
      <c r="AC43" s="14"/>
      <c r="AD43" s="14"/>
      <c r="AE43" s="14"/>
      <c r="AF43" s="14"/>
      <c r="AG43" s="14"/>
      <c r="AH43" s="14"/>
      <c r="AI43" s="14"/>
      <c r="AJ43" s="14"/>
      <c r="AK43" s="14"/>
      <c r="AL43" s="14"/>
      <c r="AM43" s="14"/>
      <c r="AN43" s="14"/>
      <c r="AO43" s="14"/>
      <c r="AP43" s="13"/>
      <c r="AS43" s="2"/>
      <c r="AV43" s="9"/>
    </row>
    <row r="44" spans="2:61" x14ac:dyDescent="0.45">
      <c r="B44" s="59"/>
      <c r="Q44" s="2"/>
      <c r="R44" s="2"/>
      <c r="S44" s="12"/>
      <c r="Y44" s="9"/>
      <c r="Z44" s="9"/>
      <c r="AA44" s="9"/>
      <c r="AP44" s="10"/>
      <c r="AS44" s="2"/>
      <c r="AT44" s="2"/>
      <c r="AU44" s="2"/>
    </row>
    <row r="45" spans="2:61" x14ac:dyDescent="0.45">
      <c r="B45" s="59"/>
      <c r="M45" s="15"/>
      <c r="N45" s="14"/>
      <c r="O45" s="14"/>
      <c r="P45" s="14"/>
      <c r="Q45" s="14"/>
      <c r="R45" s="14"/>
      <c r="S45" s="14"/>
      <c r="T45" s="14"/>
      <c r="U45" s="14"/>
      <c r="V45" s="14"/>
      <c r="W45" s="14"/>
      <c r="X45" s="13"/>
      <c r="AK45" s="15"/>
      <c r="AL45" s="14"/>
      <c r="AM45" s="14"/>
      <c r="AN45" s="14"/>
      <c r="AO45" s="14"/>
      <c r="AP45" s="14"/>
      <c r="AQ45" s="14"/>
      <c r="AR45" s="14"/>
      <c r="AS45" s="14"/>
      <c r="AT45" s="14"/>
      <c r="AU45" s="14"/>
      <c r="AV45" s="13"/>
    </row>
    <row r="46" spans="2:61" x14ac:dyDescent="0.45">
      <c r="B46" s="59"/>
      <c r="M46" s="12"/>
      <c r="Q46" s="2"/>
      <c r="R46" s="2"/>
      <c r="S46" s="2"/>
      <c r="X46" s="10"/>
      <c r="AK46" s="12"/>
      <c r="AS46" s="2"/>
      <c r="AT46" s="2"/>
      <c r="AU46" s="2"/>
      <c r="AV46" s="10"/>
    </row>
    <row r="47" spans="2:61" x14ac:dyDescent="0.45">
      <c r="B47" s="59"/>
      <c r="J47" s="15"/>
      <c r="K47" s="14"/>
      <c r="L47" s="14"/>
      <c r="M47" s="14"/>
      <c r="N47" s="14"/>
      <c r="O47" s="13"/>
      <c r="Q47" s="2"/>
      <c r="R47" s="2"/>
      <c r="S47" s="2"/>
      <c r="V47" s="15"/>
      <c r="W47" s="14"/>
      <c r="X47" s="14"/>
      <c r="Y47" s="14"/>
      <c r="Z47" s="14"/>
      <c r="AA47" s="13"/>
      <c r="AH47" s="15"/>
      <c r="AI47" s="14"/>
      <c r="AJ47" s="14"/>
      <c r="AK47" s="14"/>
      <c r="AL47" s="14"/>
      <c r="AM47" s="13"/>
      <c r="AS47" s="2"/>
      <c r="AT47" s="15"/>
      <c r="AU47" s="14"/>
      <c r="AV47" s="14"/>
      <c r="AW47" s="14"/>
      <c r="AX47" s="14"/>
      <c r="AY47" s="13"/>
    </row>
    <row r="48" spans="2:61" x14ac:dyDescent="0.45">
      <c r="B48" s="59"/>
      <c r="J48" s="12"/>
      <c r="O48" s="10"/>
      <c r="Q48" s="2"/>
      <c r="R48" s="2"/>
      <c r="S48" s="2"/>
      <c r="V48" s="12"/>
      <c r="AA48" s="10"/>
      <c r="AH48" s="12"/>
      <c r="AM48" s="10"/>
      <c r="AS48" s="2"/>
      <c r="AT48" s="11"/>
      <c r="AV48" s="9"/>
      <c r="AY48" s="10"/>
    </row>
    <row r="49" spans="2:53" x14ac:dyDescent="0.45">
      <c r="B49" s="59"/>
      <c r="H49" s="60" t="s">
        <v>69</v>
      </c>
      <c r="I49" s="60"/>
      <c r="J49" s="60"/>
      <c r="K49" s="60"/>
      <c r="N49" s="60" t="s">
        <v>68</v>
      </c>
      <c r="O49" s="60"/>
      <c r="P49" s="60"/>
      <c r="Q49" s="60"/>
      <c r="R49" s="2"/>
      <c r="S49" s="2"/>
      <c r="T49" s="60" t="s">
        <v>67</v>
      </c>
      <c r="U49" s="60"/>
      <c r="V49" s="60"/>
      <c r="W49" s="60"/>
      <c r="X49" s="9"/>
      <c r="Y49" s="9"/>
      <c r="Z49" s="60" t="s">
        <v>66</v>
      </c>
      <c r="AA49" s="60"/>
      <c r="AB49" s="60"/>
      <c r="AC49" s="60"/>
      <c r="AD49" s="9"/>
      <c r="AF49" s="60" t="s">
        <v>65</v>
      </c>
      <c r="AG49" s="60"/>
      <c r="AH49" s="60"/>
      <c r="AI49" s="60"/>
      <c r="AJ49" s="9"/>
      <c r="AL49" s="60" t="s">
        <v>64</v>
      </c>
      <c r="AM49" s="60"/>
      <c r="AN49" s="60"/>
      <c r="AO49" s="60"/>
      <c r="AP49" s="9"/>
      <c r="AR49" s="60" t="s">
        <v>63</v>
      </c>
      <c r="AS49" s="60"/>
      <c r="AT49" s="60"/>
      <c r="AU49" s="60"/>
      <c r="AV49" s="9"/>
      <c r="AX49" s="60" t="s">
        <v>62</v>
      </c>
      <c r="AY49" s="60"/>
      <c r="AZ49" s="60"/>
      <c r="BA49" s="60"/>
    </row>
    <row r="50" spans="2:53" x14ac:dyDescent="0.45">
      <c r="B50" s="59"/>
      <c r="Q50" s="2"/>
      <c r="R50" s="2"/>
      <c r="S50" s="2"/>
      <c r="AS50" s="2"/>
      <c r="AT50" s="2"/>
      <c r="AU50" s="2"/>
    </row>
    <row r="51" spans="2:53" x14ac:dyDescent="0.45">
      <c r="Q51" s="2"/>
      <c r="R51" s="2"/>
      <c r="S51" s="2"/>
      <c r="AS51" s="2"/>
      <c r="AT51" s="2"/>
      <c r="AU51" s="2"/>
    </row>
    <row r="52" spans="2:53" x14ac:dyDescent="0.45">
      <c r="Q52" s="2"/>
      <c r="R52" s="2"/>
      <c r="S52" s="2"/>
      <c r="AS52" s="2"/>
      <c r="AT52" s="2"/>
      <c r="AU52" s="2"/>
    </row>
    <row r="53" spans="2:53" x14ac:dyDescent="0.45">
      <c r="Q53" s="2"/>
      <c r="R53" s="2"/>
      <c r="S53" s="2"/>
    </row>
  </sheetData>
  <mergeCells count="236">
    <mergeCell ref="A2:BI2"/>
    <mergeCell ref="E7:M7"/>
    <mergeCell ref="N7:X7"/>
    <mergeCell ref="Y7:AI7"/>
    <mergeCell ref="AJ7:AT7"/>
    <mergeCell ref="AU7:BE7"/>
    <mergeCell ref="N8:X8"/>
    <mergeCell ref="Y8:AI8"/>
    <mergeCell ref="E8:M8"/>
    <mergeCell ref="AJ8:AT8"/>
    <mergeCell ref="AU8:BE8"/>
    <mergeCell ref="E9:M9"/>
    <mergeCell ref="N9:X9"/>
    <mergeCell ref="Y9:AI9"/>
    <mergeCell ref="Y11:AI11"/>
    <mergeCell ref="F14:AG14"/>
    <mergeCell ref="AH14:BI14"/>
    <mergeCell ref="C15:E15"/>
    <mergeCell ref="F15:AB15"/>
    <mergeCell ref="AC15:AG15"/>
    <mergeCell ref="AH15:BD15"/>
    <mergeCell ref="BE15:BI15"/>
    <mergeCell ref="AJ9:AT9"/>
    <mergeCell ref="AU9:BE9"/>
    <mergeCell ref="AJ11:AT11"/>
    <mergeCell ref="AU11:BE11"/>
    <mergeCell ref="E10:M10"/>
    <mergeCell ref="N10:X10"/>
    <mergeCell ref="Y10:AI10"/>
    <mergeCell ref="AJ10:AT10"/>
    <mergeCell ref="AU10:BE10"/>
    <mergeCell ref="E11:M11"/>
    <mergeCell ref="N11:X11"/>
    <mergeCell ref="C17:E17"/>
    <mergeCell ref="F17:H17"/>
    <mergeCell ref="I17:N17"/>
    <mergeCell ref="O17:P17"/>
    <mergeCell ref="AH16:AJ16"/>
    <mergeCell ref="AK16:AP16"/>
    <mergeCell ref="T16:V16"/>
    <mergeCell ref="W16:AB16"/>
    <mergeCell ref="C16:E16"/>
    <mergeCell ref="F16:H16"/>
    <mergeCell ref="R17:S17"/>
    <mergeCell ref="I16:N16"/>
    <mergeCell ref="O16:P16"/>
    <mergeCell ref="R16:S16"/>
    <mergeCell ref="AC16:AG16"/>
    <mergeCell ref="AT17:AU17"/>
    <mergeCell ref="AY17:BD17"/>
    <mergeCell ref="BE17:BI17"/>
    <mergeCell ref="AT16:AU16"/>
    <mergeCell ref="AV16:AX16"/>
    <mergeCell ref="AY16:BD16"/>
    <mergeCell ref="BE16:BI16"/>
    <mergeCell ref="W17:AB17"/>
    <mergeCell ref="AQ16:AR16"/>
    <mergeCell ref="AK17:AP17"/>
    <mergeCell ref="AQ17:AR17"/>
    <mergeCell ref="AC17:AG17"/>
    <mergeCell ref="BE19:BI19"/>
    <mergeCell ref="AT18:AU18"/>
    <mergeCell ref="AY18:BD18"/>
    <mergeCell ref="BE18:BI18"/>
    <mergeCell ref="AT19:AU19"/>
    <mergeCell ref="O20:P20"/>
    <mergeCell ref="R20:S20"/>
    <mergeCell ref="W20:AB20"/>
    <mergeCell ref="AC20:AG20"/>
    <mergeCell ref="AK19:AP19"/>
    <mergeCell ref="AQ19:AR19"/>
    <mergeCell ref="AC19:AG19"/>
    <mergeCell ref="O19:P19"/>
    <mergeCell ref="R19:S19"/>
    <mergeCell ref="W19:AB19"/>
    <mergeCell ref="C21:E21"/>
    <mergeCell ref="I21:N21"/>
    <mergeCell ref="O21:P21"/>
    <mergeCell ref="R21:S21"/>
    <mergeCell ref="W21:AB21"/>
    <mergeCell ref="AC21:AG21"/>
    <mergeCell ref="C20:E20"/>
    <mergeCell ref="I20:N20"/>
    <mergeCell ref="AY19:BD19"/>
    <mergeCell ref="BE22:BI22"/>
    <mergeCell ref="AK21:AP21"/>
    <mergeCell ref="AQ21:AR21"/>
    <mergeCell ref="AT21:AU21"/>
    <mergeCell ref="AY20:BD20"/>
    <mergeCell ref="BE20:BI20"/>
    <mergeCell ref="AK20:AP20"/>
    <mergeCell ref="BE21:BI21"/>
    <mergeCell ref="AT20:AU20"/>
    <mergeCell ref="AY21:BD21"/>
    <mergeCell ref="AT22:AU22"/>
    <mergeCell ref="AY22:BD22"/>
    <mergeCell ref="AQ22:AR22"/>
    <mergeCell ref="AK22:AP22"/>
    <mergeCell ref="AQ20:AR20"/>
    <mergeCell ref="C18:E18"/>
    <mergeCell ref="F18:H18"/>
    <mergeCell ref="I18:N18"/>
    <mergeCell ref="O18:P18"/>
    <mergeCell ref="R18:S18"/>
    <mergeCell ref="AC18:AG18"/>
    <mergeCell ref="R23:S23"/>
    <mergeCell ref="W23:AB23"/>
    <mergeCell ref="AY24:BD24"/>
    <mergeCell ref="W18:AB18"/>
    <mergeCell ref="O22:P22"/>
    <mergeCell ref="R22:S22"/>
    <mergeCell ref="W22:AB22"/>
    <mergeCell ref="AC22:AG22"/>
    <mergeCell ref="AK18:AP18"/>
    <mergeCell ref="AQ18:AR18"/>
    <mergeCell ref="I23:N23"/>
    <mergeCell ref="O23:P23"/>
    <mergeCell ref="I24:N24"/>
    <mergeCell ref="O24:P24"/>
    <mergeCell ref="C22:E22"/>
    <mergeCell ref="I22:N22"/>
    <mergeCell ref="C19:E19"/>
    <mergeCell ref="I19:N19"/>
    <mergeCell ref="AK24:AP24"/>
    <mergeCell ref="AQ24:AR24"/>
    <mergeCell ref="AT24:AU24"/>
    <mergeCell ref="AY27:BD27"/>
    <mergeCell ref="BE24:BI24"/>
    <mergeCell ref="AK23:AP23"/>
    <mergeCell ref="AQ23:AR23"/>
    <mergeCell ref="AT23:AU23"/>
    <mergeCell ref="AY23:BD23"/>
    <mergeCell ref="BE23:BI23"/>
    <mergeCell ref="AK27:AP27"/>
    <mergeCell ref="AT25:AU25"/>
    <mergeCell ref="AY25:BD25"/>
    <mergeCell ref="BE25:BI25"/>
    <mergeCell ref="AV32:AX32"/>
    <mergeCell ref="AY32:BD32"/>
    <mergeCell ref="BE32:BI32"/>
    <mergeCell ref="AY26:BD26"/>
    <mergeCell ref="BE26:BI26"/>
    <mergeCell ref="AK25:AP25"/>
    <mergeCell ref="AQ25:AR25"/>
    <mergeCell ref="BE27:BI27"/>
    <mergeCell ref="AK26:AP26"/>
    <mergeCell ref="AQ26:AR26"/>
    <mergeCell ref="T32:V32"/>
    <mergeCell ref="C25:E25"/>
    <mergeCell ref="W27:AB27"/>
    <mergeCell ref="AC27:AG27"/>
    <mergeCell ref="AC25:AG25"/>
    <mergeCell ref="AC23:AG23"/>
    <mergeCell ref="AC26:AG26"/>
    <mergeCell ref="I25:N25"/>
    <mergeCell ref="C24:E24"/>
    <mergeCell ref="C23:E23"/>
    <mergeCell ref="O25:P25"/>
    <mergeCell ref="R25:S25"/>
    <mergeCell ref="W25:AB25"/>
    <mergeCell ref="AC24:AG24"/>
    <mergeCell ref="R24:S24"/>
    <mergeCell ref="W24:AB24"/>
    <mergeCell ref="B16:B27"/>
    <mergeCell ref="AQ32:AR32"/>
    <mergeCell ref="AT32:AU32"/>
    <mergeCell ref="C27:E27"/>
    <mergeCell ref="I27:N27"/>
    <mergeCell ref="O27:P27"/>
    <mergeCell ref="R27:S27"/>
    <mergeCell ref="W32:AB32"/>
    <mergeCell ref="C33:E33"/>
    <mergeCell ref="F33:H33"/>
    <mergeCell ref="AH32:AJ32"/>
    <mergeCell ref="AK32:AP32"/>
    <mergeCell ref="AK33:AP33"/>
    <mergeCell ref="AQ33:AR33"/>
    <mergeCell ref="AT33:AU33"/>
    <mergeCell ref="AQ27:AR27"/>
    <mergeCell ref="AT27:AU27"/>
    <mergeCell ref="C26:E26"/>
    <mergeCell ref="I26:N26"/>
    <mergeCell ref="O26:P26"/>
    <mergeCell ref="R26:S26"/>
    <mergeCell ref="W26:AB26"/>
    <mergeCell ref="AT26:AU26"/>
    <mergeCell ref="R32:S32"/>
    <mergeCell ref="BE33:BI33"/>
    <mergeCell ref="B32:B33"/>
    <mergeCell ref="C32:E32"/>
    <mergeCell ref="F32:H32"/>
    <mergeCell ref="I32:N32"/>
    <mergeCell ref="O32:P32"/>
    <mergeCell ref="AC32:AG32"/>
    <mergeCell ref="T33:V33"/>
    <mergeCell ref="BE35:BI35"/>
    <mergeCell ref="AH35:AJ35"/>
    <mergeCell ref="AK35:AP35"/>
    <mergeCell ref="AQ35:AR35"/>
    <mergeCell ref="AV35:AX35"/>
    <mergeCell ref="AY35:BD35"/>
    <mergeCell ref="T35:V35"/>
    <mergeCell ref="W35:AB35"/>
    <mergeCell ref="AC35:AG35"/>
    <mergeCell ref="I33:N33"/>
    <mergeCell ref="O33:P33"/>
    <mergeCell ref="R33:S33"/>
    <mergeCell ref="W33:AB33"/>
    <mergeCell ref="AC33:AG33"/>
    <mergeCell ref="AH33:AJ33"/>
    <mergeCell ref="C34:E34"/>
    <mergeCell ref="AT35:AU35"/>
    <mergeCell ref="AL49:AO49"/>
    <mergeCell ref="C35:E35"/>
    <mergeCell ref="F35:H35"/>
    <mergeCell ref="I35:N35"/>
    <mergeCell ref="O35:P35"/>
    <mergeCell ref="R35:S35"/>
    <mergeCell ref="AV33:AX33"/>
    <mergeCell ref="AY33:BD33"/>
    <mergeCell ref="AX49:BA49"/>
    <mergeCell ref="AC37:AG37"/>
    <mergeCell ref="AR49:AU49"/>
    <mergeCell ref="B41:B50"/>
    <mergeCell ref="H49:K49"/>
    <mergeCell ref="N49:Q49"/>
    <mergeCell ref="T49:W49"/>
    <mergeCell ref="Z49:AC49"/>
    <mergeCell ref="AF49:AI49"/>
    <mergeCell ref="F37:H37"/>
    <mergeCell ref="I37:N37"/>
    <mergeCell ref="O37:P37"/>
    <mergeCell ref="R37:S37"/>
    <mergeCell ref="T37:V37"/>
    <mergeCell ref="W37:AB37"/>
    <mergeCell ref="C37:E37"/>
  </mergeCells>
  <phoneticPr fontId="1"/>
  <printOptions horizontalCentered="1"/>
  <pageMargins left="0.39370078740157483" right="0.39370078740157483" top="0.59055118110236227" bottom="0.39370078740157483" header="0.19685039370078741" footer="0.19685039370078741"/>
  <pageSetup paperSize="9" scale="73" orientation="portrait" r:id="rId1"/>
  <headerFooter scaleWithDoc="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P54 細則</vt:lpstr>
      <vt:lpstr>P55 細則２</vt:lpstr>
      <vt:lpstr>P59 選手権</vt:lpstr>
      <vt:lpstr>P60 選手権組合せ</vt:lpstr>
      <vt:lpstr>'P54 細則'!Print_Area</vt:lpstr>
      <vt:lpstr>'P55 細則２'!Print_Area</vt:lpstr>
      <vt:lpstr>'P59 選手権'!Print_Area</vt:lpstr>
      <vt:lpstr>'P60 選手権組合せ'!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一般財団法人静岡県サッカー協会４種委員会</dc:creator>
  <cp:lastModifiedBy>s19580816y@outlook.jp</cp:lastModifiedBy>
  <cp:lastPrinted>2022-03-27T07:33:01Z</cp:lastPrinted>
  <dcterms:created xsi:type="dcterms:W3CDTF">2020-03-22T00:24:03Z</dcterms:created>
  <dcterms:modified xsi:type="dcterms:W3CDTF">2023-12-17T10:16: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b09299e-76c5-48ff-813c-214441922665_Enabled">
    <vt:lpwstr>true</vt:lpwstr>
  </property>
  <property fmtid="{D5CDD505-2E9C-101B-9397-08002B2CF9AE}" pid="3" name="MSIP_Label_ab09299e-76c5-48ff-813c-214441922665_SetDate">
    <vt:lpwstr>2022-03-23T06:33:18Z</vt:lpwstr>
  </property>
  <property fmtid="{D5CDD505-2E9C-101B-9397-08002B2CF9AE}" pid="4" name="MSIP_Label_ab09299e-76c5-48ff-813c-214441922665_Method">
    <vt:lpwstr>Standard</vt:lpwstr>
  </property>
  <property fmtid="{D5CDD505-2E9C-101B-9397-08002B2CF9AE}" pid="5" name="MSIP_Label_ab09299e-76c5-48ff-813c-214441922665_Name">
    <vt:lpwstr>Confidential</vt:lpwstr>
  </property>
  <property fmtid="{D5CDD505-2E9C-101B-9397-08002B2CF9AE}" pid="6" name="MSIP_Label_ab09299e-76c5-48ff-813c-214441922665_SiteId">
    <vt:lpwstr>c26d3ea9-9778-487b-8a9b-8b0243c534ad</vt:lpwstr>
  </property>
  <property fmtid="{D5CDD505-2E9C-101B-9397-08002B2CF9AE}" pid="7" name="MSIP_Label_ab09299e-76c5-48ff-813c-214441922665_ActionId">
    <vt:lpwstr>4b7b890e-f141-4a1f-a0f6-52dbcc7532fe</vt:lpwstr>
  </property>
  <property fmtid="{D5CDD505-2E9C-101B-9397-08002B2CF9AE}" pid="8" name="MSIP_Label_ab09299e-76c5-48ff-813c-214441922665_ContentBits">
    <vt:lpwstr>1</vt:lpwstr>
  </property>
</Properties>
</file>